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0E43CD" w:rsidRDefault="00033BE1" w:rsidP="00033BE1">
      <w:pPr>
        <w:spacing w:after="0" w:line="240" w:lineRule="auto"/>
        <w:ind w:left="-426"/>
        <w:jc w:val="center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noProof/>
          <w:sz w:val="24"/>
          <w:szCs w:val="24"/>
        </w:rPr>
        <w:drawing>
          <wp:anchor distT="0" distB="0" distL="114300" distR="114300" simplePos="0" relativeHeight="251658240" behindDoc="0" locked="0" layoutInCell="1" allowOverlap="1" wp14:anchorId="766798AD" wp14:editId="7F59135D">
            <wp:simplePos x="0" y="0"/>
            <wp:positionH relativeFrom="column">
              <wp:posOffset>43506</wp:posOffset>
            </wp:positionH>
            <wp:positionV relativeFrom="paragraph">
              <wp:posOffset>61595</wp:posOffset>
            </wp:positionV>
            <wp:extent cx="6437304" cy="9267825"/>
            <wp:effectExtent l="0" t="0" r="0" b="0"/>
            <wp:wrapNone/>
            <wp:docPr id="2" name="Рисунок 2" descr="C:\Users\i3\Desktop\Документ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3\Desktop\Документ_1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38245" cy="9269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bookmarkStart w:id="0" w:name="_GoBack"/>
      <w:bookmarkEnd w:id="0"/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3BE1" w:rsidRPr="00A153C4" w:rsidRDefault="00033BE1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C45AA4" w:rsidRPr="00A153C4" w:rsidRDefault="00C45AA4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2E5FEA" w:rsidRPr="00A153C4" w:rsidRDefault="002E5FEA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A153C4">
        <w:rPr>
          <w:rFonts w:ascii="Times New Roman" w:hAnsi="Times New Roman" w:cs="Times New Roman"/>
          <w:b/>
          <w:sz w:val="24"/>
          <w:szCs w:val="24"/>
        </w:rPr>
        <w:t>СТРУКТУРА ПЛАНА</w:t>
      </w:r>
    </w:p>
    <w:p w:rsidR="002E5FEA" w:rsidRPr="00A153C4" w:rsidRDefault="002E5FEA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A153C4">
        <w:rPr>
          <w:rFonts w:ascii="Times New Roman" w:hAnsi="Times New Roman" w:cs="Times New Roman"/>
          <w:b/>
          <w:sz w:val="24"/>
          <w:szCs w:val="24"/>
        </w:rPr>
        <w:t>НА 201</w:t>
      </w:r>
      <w:r w:rsidR="00427240" w:rsidRPr="00A153C4">
        <w:rPr>
          <w:rFonts w:ascii="Times New Roman" w:hAnsi="Times New Roman" w:cs="Times New Roman"/>
          <w:b/>
          <w:sz w:val="24"/>
          <w:szCs w:val="24"/>
        </w:rPr>
        <w:t>7</w:t>
      </w:r>
      <w:r w:rsidRPr="00A153C4">
        <w:rPr>
          <w:rFonts w:ascii="Times New Roman" w:hAnsi="Times New Roman" w:cs="Times New Roman"/>
          <w:b/>
          <w:sz w:val="24"/>
          <w:szCs w:val="24"/>
        </w:rPr>
        <w:t>-201</w:t>
      </w:r>
      <w:r w:rsidR="00427240" w:rsidRPr="00A153C4">
        <w:rPr>
          <w:rFonts w:ascii="Times New Roman" w:hAnsi="Times New Roman" w:cs="Times New Roman"/>
          <w:b/>
          <w:sz w:val="24"/>
          <w:szCs w:val="24"/>
        </w:rPr>
        <w:t>8</w:t>
      </w:r>
      <w:r w:rsidRPr="00A153C4">
        <w:rPr>
          <w:rFonts w:ascii="Times New Roman" w:hAnsi="Times New Roman" w:cs="Times New Roman"/>
          <w:b/>
          <w:sz w:val="24"/>
          <w:szCs w:val="24"/>
        </w:rPr>
        <w:t xml:space="preserve"> УЧЕБНЫЙ ГОД</w:t>
      </w:r>
    </w:p>
    <w:p w:rsidR="002E5FEA" w:rsidRPr="00A153C4" w:rsidRDefault="002E5FEA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tbl>
      <w:tblPr>
        <w:tblStyle w:val="af"/>
        <w:tblW w:w="0" w:type="auto"/>
        <w:tblLook w:val="04A0" w:firstRow="1" w:lastRow="0" w:firstColumn="1" w:lastColumn="0" w:noHBand="0" w:noVBand="1"/>
      </w:tblPr>
      <w:tblGrid>
        <w:gridCol w:w="534"/>
        <w:gridCol w:w="6413"/>
        <w:gridCol w:w="3474"/>
      </w:tblGrid>
      <w:tr w:rsidR="009400D9" w:rsidRPr="00A153C4" w:rsidTr="009400D9">
        <w:tc>
          <w:tcPr>
            <w:tcW w:w="534" w:type="dxa"/>
          </w:tcPr>
          <w:p w:rsidR="009400D9" w:rsidRPr="00A153C4" w:rsidRDefault="00EA03DC" w:rsidP="002E5FEA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6413" w:type="dxa"/>
          </w:tcPr>
          <w:p w:rsidR="009400D9" w:rsidRPr="00A153C4" w:rsidRDefault="00EA03DC" w:rsidP="002E5FEA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Содержание</w:t>
            </w:r>
          </w:p>
        </w:tc>
        <w:tc>
          <w:tcPr>
            <w:tcW w:w="3474" w:type="dxa"/>
          </w:tcPr>
          <w:p w:rsidR="009400D9" w:rsidRPr="00A153C4" w:rsidRDefault="00EA03DC" w:rsidP="002E5FEA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Страницы</w:t>
            </w:r>
          </w:p>
        </w:tc>
      </w:tr>
      <w:tr w:rsidR="009400D9" w:rsidRPr="00A153C4" w:rsidTr="009400D9">
        <w:tc>
          <w:tcPr>
            <w:tcW w:w="534" w:type="dxa"/>
          </w:tcPr>
          <w:p w:rsidR="009400D9" w:rsidRPr="00A153C4" w:rsidRDefault="00A561AF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6413" w:type="dxa"/>
          </w:tcPr>
          <w:p w:rsidR="00EA03DC" w:rsidRPr="00A153C4" w:rsidRDefault="00EA03DC" w:rsidP="00EA03DC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лан деятельност</w:t>
            </w:r>
            <w:r w:rsidR="00427240" w:rsidRPr="00A153C4">
              <w:rPr>
                <w:rFonts w:ascii="Times New Roman" w:hAnsi="Times New Roman" w:cs="Times New Roman"/>
                <w:sz w:val="24"/>
                <w:szCs w:val="24"/>
              </w:rPr>
              <w:t>и МОО «РЦДО» с.Корткерос на 2017-2018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: </w:t>
            </w:r>
          </w:p>
          <w:p w:rsidR="00EA03DC" w:rsidRPr="00A153C4" w:rsidRDefault="00EA03DC" w:rsidP="00EA03DC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Цель и задачи деятельност</w:t>
            </w:r>
            <w:r w:rsidR="00427240" w:rsidRPr="00A153C4">
              <w:rPr>
                <w:rFonts w:ascii="Times New Roman" w:hAnsi="Times New Roman" w:cs="Times New Roman"/>
                <w:sz w:val="24"/>
                <w:szCs w:val="24"/>
              </w:rPr>
              <w:t>и МОО «РЦДО» с.Корткерос на 2017-2018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.</w:t>
            </w:r>
          </w:p>
          <w:p w:rsidR="009400D9" w:rsidRPr="00A153C4" w:rsidRDefault="00EA03DC" w:rsidP="00EA03DC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Регламент работы  МОО «РЦДО» с.Корткерос.</w:t>
            </w:r>
          </w:p>
        </w:tc>
        <w:tc>
          <w:tcPr>
            <w:tcW w:w="3474" w:type="dxa"/>
          </w:tcPr>
          <w:p w:rsidR="009400D9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</w:tr>
      <w:tr w:rsidR="009400D9" w:rsidRPr="00A153C4" w:rsidTr="009400D9">
        <w:tc>
          <w:tcPr>
            <w:tcW w:w="534" w:type="dxa"/>
          </w:tcPr>
          <w:p w:rsidR="009400D9" w:rsidRPr="00A153C4" w:rsidRDefault="00A561AF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6413" w:type="dxa"/>
          </w:tcPr>
          <w:p w:rsidR="00EA03DC" w:rsidRPr="00A153C4" w:rsidRDefault="00EA03DC" w:rsidP="00EA03DC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рганизационная,  аналитическая, управленческая деятельность. Контроль.</w:t>
            </w:r>
          </w:p>
          <w:p w:rsidR="00EA03DC" w:rsidRPr="00A153C4" w:rsidRDefault="00EA03DC" w:rsidP="00EA03DC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Организационная деятельность.</w:t>
            </w:r>
          </w:p>
          <w:p w:rsidR="00EA03DC" w:rsidRPr="00A153C4" w:rsidRDefault="00EA03DC" w:rsidP="00EA03DC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 Аналитическая  деятельность.</w:t>
            </w:r>
          </w:p>
          <w:p w:rsidR="00EA03DC" w:rsidRPr="00A153C4" w:rsidRDefault="00EA03DC" w:rsidP="00EA03DC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 Управленческая деятельность.</w:t>
            </w:r>
          </w:p>
          <w:p w:rsidR="009400D9" w:rsidRPr="00A153C4" w:rsidRDefault="00EA03DC" w:rsidP="00EA03DC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 Контроль.</w:t>
            </w:r>
          </w:p>
        </w:tc>
        <w:tc>
          <w:tcPr>
            <w:tcW w:w="3474" w:type="dxa"/>
          </w:tcPr>
          <w:p w:rsidR="009400D9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  <w:p w:rsidR="00EA03DC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EA03DC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  <w:p w:rsidR="00EA03DC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  <w:p w:rsidR="00EA03DC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  <w:p w:rsidR="00EA03DC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</w:tr>
      <w:tr w:rsidR="009400D9" w:rsidRPr="00A153C4" w:rsidTr="009400D9">
        <w:tc>
          <w:tcPr>
            <w:tcW w:w="534" w:type="dxa"/>
          </w:tcPr>
          <w:p w:rsidR="009400D9" w:rsidRPr="00A153C4" w:rsidRDefault="00A561AF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6413" w:type="dxa"/>
          </w:tcPr>
          <w:p w:rsidR="009400D9" w:rsidRPr="00A153C4" w:rsidRDefault="00EA03DC" w:rsidP="00EA03DC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етодическая работа</w:t>
            </w:r>
          </w:p>
        </w:tc>
        <w:tc>
          <w:tcPr>
            <w:tcW w:w="3474" w:type="dxa"/>
          </w:tcPr>
          <w:p w:rsidR="009400D9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</w:tr>
      <w:tr w:rsidR="009400D9" w:rsidRPr="00A153C4" w:rsidTr="009400D9">
        <w:tc>
          <w:tcPr>
            <w:tcW w:w="534" w:type="dxa"/>
          </w:tcPr>
          <w:p w:rsidR="009400D9" w:rsidRPr="00A153C4" w:rsidRDefault="00A561AF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6413" w:type="dxa"/>
          </w:tcPr>
          <w:p w:rsidR="009400D9" w:rsidRPr="00A153C4" w:rsidRDefault="00EA03DC" w:rsidP="00EA03DC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рганизационно-массовая деятельность</w:t>
            </w:r>
          </w:p>
        </w:tc>
        <w:tc>
          <w:tcPr>
            <w:tcW w:w="3474" w:type="dxa"/>
          </w:tcPr>
          <w:p w:rsidR="009400D9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2</w:t>
            </w:r>
          </w:p>
        </w:tc>
      </w:tr>
      <w:tr w:rsidR="009400D9" w:rsidRPr="00A153C4" w:rsidTr="009400D9">
        <w:tc>
          <w:tcPr>
            <w:tcW w:w="534" w:type="dxa"/>
          </w:tcPr>
          <w:p w:rsidR="009400D9" w:rsidRPr="00A153C4" w:rsidRDefault="00A561AF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6413" w:type="dxa"/>
          </w:tcPr>
          <w:p w:rsidR="009400D9" w:rsidRPr="00A153C4" w:rsidRDefault="00EA03DC" w:rsidP="00EA03DC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тдел молодежных инициатив.</w:t>
            </w:r>
          </w:p>
        </w:tc>
        <w:tc>
          <w:tcPr>
            <w:tcW w:w="3474" w:type="dxa"/>
          </w:tcPr>
          <w:p w:rsidR="009400D9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5</w:t>
            </w:r>
          </w:p>
        </w:tc>
      </w:tr>
      <w:tr w:rsidR="009400D9" w:rsidRPr="00A153C4" w:rsidTr="009400D9">
        <w:tc>
          <w:tcPr>
            <w:tcW w:w="534" w:type="dxa"/>
          </w:tcPr>
          <w:p w:rsidR="009400D9" w:rsidRPr="00A153C4" w:rsidRDefault="00A561AF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6413" w:type="dxa"/>
          </w:tcPr>
          <w:p w:rsidR="009400D9" w:rsidRPr="00A153C4" w:rsidRDefault="00EA03DC" w:rsidP="00EA03DC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Воспитательная работа </w:t>
            </w:r>
          </w:p>
        </w:tc>
        <w:tc>
          <w:tcPr>
            <w:tcW w:w="3474" w:type="dxa"/>
          </w:tcPr>
          <w:p w:rsidR="009400D9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9F3BFB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</w:tr>
      <w:tr w:rsidR="009400D9" w:rsidRPr="00A153C4" w:rsidTr="009400D9">
        <w:tc>
          <w:tcPr>
            <w:tcW w:w="534" w:type="dxa"/>
          </w:tcPr>
          <w:p w:rsidR="009400D9" w:rsidRPr="00A153C4" w:rsidRDefault="00A561AF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6413" w:type="dxa"/>
          </w:tcPr>
          <w:p w:rsidR="009400D9" w:rsidRPr="00A153C4" w:rsidRDefault="00EA03DC" w:rsidP="00EA03DC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Работа с родителями.</w:t>
            </w:r>
          </w:p>
        </w:tc>
        <w:tc>
          <w:tcPr>
            <w:tcW w:w="3474" w:type="dxa"/>
          </w:tcPr>
          <w:p w:rsidR="009400D9" w:rsidRPr="00A153C4" w:rsidRDefault="00EA03DC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9F3BFB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</w:tr>
      <w:tr w:rsidR="009400D9" w:rsidRPr="00A153C4" w:rsidTr="009400D9">
        <w:tc>
          <w:tcPr>
            <w:tcW w:w="534" w:type="dxa"/>
          </w:tcPr>
          <w:p w:rsidR="009400D9" w:rsidRPr="00A153C4" w:rsidRDefault="00A561AF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6413" w:type="dxa"/>
          </w:tcPr>
          <w:p w:rsidR="009400D9" w:rsidRPr="00A153C4" w:rsidRDefault="00EA03DC" w:rsidP="00EA03DC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Финансово-хозяйственная деятельность.</w:t>
            </w:r>
          </w:p>
        </w:tc>
        <w:tc>
          <w:tcPr>
            <w:tcW w:w="3474" w:type="dxa"/>
          </w:tcPr>
          <w:p w:rsidR="009400D9" w:rsidRPr="00A153C4" w:rsidRDefault="009F3BFB" w:rsidP="002E5F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8</w:t>
            </w:r>
          </w:p>
        </w:tc>
      </w:tr>
    </w:tbl>
    <w:p w:rsidR="009400D9" w:rsidRPr="00A153C4" w:rsidRDefault="009400D9" w:rsidP="002E5FEA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2E5FEA" w:rsidRPr="00A153C4" w:rsidRDefault="002E5FEA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2E5FEA" w:rsidRPr="00A153C4" w:rsidRDefault="002E5FEA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D2E47" w:rsidRPr="00A153C4" w:rsidRDefault="00FD2E47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E4063D" w:rsidRPr="00A153C4" w:rsidRDefault="00E4063D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2E5FEA" w:rsidRPr="00A153C4" w:rsidRDefault="002E5FEA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2E5FEA" w:rsidRPr="00A153C4" w:rsidRDefault="002E5FEA" w:rsidP="00477226">
      <w:pPr>
        <w:spacing w:after="0" w:line="240" w:lineRule="auto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  <w:bookmarkStart w:id="1" w:name="_Hlk285971414"/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6CD" w:rsidRPr="00A153C4" w:rsidRDefault="00F666CD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C45AA4" w:rsidRPr="00A153C4" w:rsidRDefault="00C45AA4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C45AA4" w:rsidRPr="00A153C4" w:rsidRDefault="00C45AA4" w:rsidP="00DA5A1F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477226" w:rsidRPr="00A153C4" w:rsidRDefault="002E5FEA" w:rsidP="00C45AA4">
      <w:pPr>
        <w:spacing w:after="0" w:line="240" w:lineRule="auto"/>
        <w:ind w:firstLine="181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A153C4"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  <w:t xml:space="preserve">1. </w:t>
      </w:r>
      <w:r w:rsidR="00C45AA4" w:rsidRPr="00A153C4">
        <w:rPr>
          <w:rFonts w:ascii="Times New Roman" w:hAnsi="Times New Roman" w:cs="Times New Roman"/>
          <w:b/>
          <w:sz w:val="24"/>
          <w:szCs w:val="24"/>
        </w:rPr>
        <w:t>План деятельност</w:t>
      </w:r>
      <w:r w:rsidR="00427240" w:rsidRPr="00A153C4">
        <w:rPr>
          <w:rFonts w:ascii="Times New Roman" w:hAnsi="Times New Roman" w:cs="Times New Roman"/>
          <w:b/>
          <w:sz w:val="24"/>
          <w:szCs w:val="24"/>
        </w:rPr>
        <w:t>и МОО «РЦДО» с.Корткерос на 2017-2018</w:t>
      </w:r>
      <w:r w:rsidR="00C45AA4" w:rsidRPr="00A153C4">
        <w:rPr>
          <w:rFonts w:ascii="Times New Roman" w:hAnsi="Times New Roman" w:cs="Times New Roman"/>
          <w:b/>
          <w:sz w:val="24"/>
          <w:szCs w:val="24"/>
        </w:rPr>
        <w:t xml:space="preserve"> учебный год.</w:t>
      </w:r>
    </w:p>
    <w:p w:rsidR="00C45AA4" w:rsidRPr="00A153C4" w:rsidRDefault="00C45AA4" w:rsidP="00C45AA4">
      <w:pPr>
        <w:pStyle w:val="Default"/>
        <w:rPr>
          <w:b/>
          <w:bCs/>
          <w:color w:val="FF0000"/>
        </w:rPr>
      </w:pPr>
    </w:p>
    <w:p w:rsidR="00C45AA4" w:rsidRPr="00E61615" w:rsidRDefault="006601AC" w:rsidP="00C45AA4">
      <w:pPr>
        <w:pStyle w:val="Default"/>
      </w:pPr>
      <w:r w:rsidRPr="00E61615">
        <w:rPr>
          <w:b/>
          <w:bCs/>
          <w:color w:val="000000" w:themeColor="text1"/>
          <w:u w:val="single"/>
        </w:rPr>
        <w:t>Цель</w:t>
      </w:r>
      <w:r w:rsidRPr="00E61615">
        <w:rPr>
          <w:color w:val="000000" w:themeColor="text1"/>
          <w:u w:val="single"/>
        </w:rPr>
        <w:t>:</w:t>
      </w:r>
      <w:bookmarkEnd w:id="1"/>
      <w:r w:rsidR="00573FC1">
        <w:rPr>
          <w:color w:val="000000" w:themeColor="text1"/>
          <w:u w:val="single"/>
        </w:rPr>
        <w:t xml:space="preserve"> </w:t>
      </w:r>
      <w:r w:rsidR="00C45AA4" w:rsidRPr="00E61615">
        <w:t xml:space="preserve">создание механизмов и комплекса условий устойчивого развития Центра, обеспечивающих качественное содержание образовательного процесса и способствующих реализации творческой деятельности и личностного роста учащихся и педагогических работников. </w:t>
      </w:r>
    </w:p>
    <w:p w:rsidR="00325B81" w:rsidRPr="00A153C4" w:rsidRDefault="006601AC" w:rsidP="00C45AA4">
      <w:pPr>
        <w:spacing w:after="0" w:line="240" w:lineRule="auto"/>
        <w:rPr>
          <w:rFonts w:ascii="Times New Roman" w:hAnsi="Times New Roman" w:cs="Times New Roman"/>
          <w:color w:val="000000" w:themeColor="text1"/>
          <w:sz w:val="24"/>
          <w:szCs w:val="24"/>
          <w:highlight w:val="yellow"/>
          <w:u w:val="single"/>
        </w:rPr>
      </w:pPr>
      <w:r w:rsidRPr="00E61615">
        <w:rPr>
          <w:rFonts w:ascii="Times New Roman" w:hAnsi="Times New Roman" w:cs="Times New Roman"/>
          <w:b/>
          <w:bCs/>
          <w:color w:val="000000" w:themeColor="text1"/>
          <w:sz w:val="24"/>
          <w:szCs w:val="24"/>
          <w:u w:val="single"/>
        </w:rPr>
        <w:t>Задачи</w:t>
      </w:r>
      <w:r w:rsidRPr="00E61615">
        <w:rPr>
          <w:rFonts w:ascii="Times New Roman" w:hAnsi="Times New Roman" w:cs="Times New Roman"/>
          <w:color w:val="000000" w:themeColor="text1"/>
          <w:sz w:val="24"/>
          <w:szCs w:val="24"/>
          <w:u w:val="single"/>
        </w:rPr>
        <w:t xml:space="preserve">: </w:t>
      </w:r>
    </w:p>
    <w:p w:rsidR="00E61615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. Обеспечение доступности и качества образования.</w:t>
      </w:r>
    </w:p>
    <w:p w:rsidR="00E61615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2. совершенствование</w:t>
      </w:r>
      <w:r w:rsidR="006F3DA7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>системы оценки качества образования.</w:t>
      </w:r>
    </w:p>
    <w:p w:rsidR="00E61615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3. Совершенствование нормативно-правовой базы.</w:t>
      </w:r>
    </w:p>
    <w:p w:rsidR="00E61615" w:rsidRPr="007A5D11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4</w:t>
      </w:r>
      <w:r w:rsidRPr="007A5D11">
        <w:rPr>
          <w:rFonts w:ascii="Times New Roman" w:hAnsi="Times New Roman" w:cs="Times New Roman"/>
          <w:sz w:val="24"/>
          <w:szCs w:val="24"/>
        </w:rPr>
        <w:t xml:space="preserve">. Разработка разнообразных современных дополнительных образовательных программ (краткосрочных, модульных, вариативных и т.д.), в том числе </w:t>
      </w:r>
    </w:p>
    <w:p w:rsidR="00E61615" w:rsidRPr="007A5D11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 w:rsidRPr="007A5D11">
        <w:rPr>
          <w:rFonts w:ascii="Times New Roman" w:hAnsi="Times New Roman" w:cs="Times New Roman"/>
          <w:sz w:val="24"/>
          <w:szCs w:val="24"/>
        </w:rPr>
        <w:t>- направленных на развитие исследовательской, научно-технической и проектно-конструкторской деятельности учащихся</w:t>
      </w:r>
    </w:p>
    <w:p w:rsidR="00E61615" w:rsidRPr="007A5D11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 w:rsidRPr="007A5D11">
        <w:rPr>
          <w:rFonts w:ascii="Times New Roman" w:hAnsi="Times New Roman" w:cs="Times New Roman"/>
          <w:sz w:val="24"/>
          <w:szCs w:val="24"/>
        </w:rPr>
        <w:t>- и проектов для детей старшего возраста</w:t>
      </w:r>
    </w:p>
    <w:p w:rsidR="00E61615" w:rsidRPr="007A5D11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 w:rsidRPr="007A5D11">
        <w:rPr>
          <w:rFonts w:ascii="Times New Roman" w:hAnsi="Times New Roman" w:cs="Times New Roman"/>
          <w:sz w:val="24"/>
          <w:szCs w:val="24"/>
        </w:rPr>
        <w:t>- в целях профессиональной ориентации.</w:t>
      </w:r>
    </w:p>
    <w:p w:rsidR="00E61615" w:rsidRPr="007A5D11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5</w:t>
      </w:r>
      <w:r w:rsidRPr="007A5D11">
        <w:rPr>
          <w:rFonts w:ascii="Times New Roman" w:hAnsi="Times New Roman" w:cs="Times New Roman"/>
          <w:sz w:val="24"/>
          <w:szCs w:val="24"/>
        </w:rPr>
        <w:t>. Внедрение системы электронного документооборота</w:t>
      </w:r>
    </w:p>
    <w:p w:rsidR="00E61615" w:rsidRPr="007A5D11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6</w:t>
      </w:r>
      <w:r w:rsidRPr="007A5D11">
        <w:rPr>
          <w:rFonts w:ascii="Times New Roman" w:hAnsi="Times New Roman" w:cs="Times New Roman"/>
          <w:sz w:val="24"/>
          <w:szCs w:val="24"/>
        </w:rPr>
        <w:t>. Полнота реализации муниципального задания.</w:t>
      </w:r>
    </w:p>
    <w:p w:rsidR="00E61615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7</w:t>
      </w:r>
      <w:r w:rsidRPr="007A5D11">
        <w:rPr>
          <w:rFonts w:ascii="Times New Roman" w:hAnsi="Times New Roman" w:cs="Times New Roman"/>
          <w:sz w:val="24"/>
          <w:szCs w:val="24"/>
        </w:rPr>
        <w:t>. Реализация дополнительных общеразвивающих программ, направленных на:</w:t>
      </w:r>
    </w:p>
    <w:p w:rsidR="00E61615" w:rsidRPr="007A5D11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 w:rsidRPr="007A5D11">
        <w:rPr>
          <w:rFonts w:ascii="Times New Roman" w:hAnsi="Times New Roman" w:cs="Times New Roman"/>
          <w:sz w:val="24"/>
          <w:szCs w:val="24"/>
        </w:rPr>
        <w:t>- выявл</w:t>
      </w:r>
      <w:r>
        <w:rPr>
          <w:rFonts w:ascii="Times New Roman" w:hAnsi="Times New Roman" w:cs="Times New Roman"/>
          <w:sz w:val="24"/>
          <w:szCs w:val="24"/>
        </w:rPr>
        <w:t>ение и развитие одаренных детей:</w:t>
      </w:r>
    </w:p>
    <w:p w:rsidR="00E61615" w:rsidRPr="007A5D11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 w:rsidRPr="007A5D11">
        <w:rPr>
          <w:rFonts w:ascii="Times New Roman" w:hAnsi="Times New Roman" w:cs="Times New Roman"/>
          <w:sz w:val="24"/>
          <w:szCs w:val="24"/>
        </w:rPr>
        <w:t>- работу с детьми с особыми потребностями в образовании (дети-инвалиды, дети с ограниченными возможностями здоровья, дети-сироты, дети-мигранты, дети, находящиеся в трудной жизненной ситуации и др.)</w:t>
      </w:r>
    </w:p>
    <w:p w:rsidR="00E61615" w:rsidRPr="007A5D11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7</w:t>
      </w:r>
      <w:r w:rsidRPr="007A5D11">
        <w:rPr>
          <w:rFonts w:ascii="Times New Roman" w:hAnsi="Times New Roman" w:cs="Times New Roman"/>
          <w:sz w:val="24"/>
          <w:szCs w:val="24"/>
        </w:rPr>
        <w:t>. Участие учащихся по дополнительным общеразвивающим программам в творческих мероприятиях (конкурсах, олимпиадах, соревнованиях, конференциях регионального, межрегионального, окружного, федерального и международного уровней)</w:t>
      </w:r>
    </w:p>
    <w:p w:rsidR="00E61615" w:rsidRPr="007A5D11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8</w:t>
      </w:r>
      <w:r w:rsidRPr="007A5D11">
        <w:rPr>
          <w:rFonts w:ascii="Times New Roman" w:hAnsi="Times New Roman" w:cs="Times New Roman"/>
          <w:sz w:val="24"/>
          <w:szCs w:val="24"/>
        </w:rPr>
        <w:t>. Безопасность участников образовательного процесса</w:t>
      </w:r>
    </w:p>
    <w:p w:rsidR="00E61615" w:rsidRPr="007A5D11" w:rsidRDefault="00E61615" w:rsidP="00E61615">
      <w:pPr>
        <w:pStyle w:val="af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9</w:t>
      </w:r>
      <w:r w:rsidRPr="007A5D11">
        <w:rPr>
          <w:rFonts w:ascii="Times New Roman" w:hAnsi="Times New Roman" w:cs="Times New Roman"/>
          <w:sz w:val="24"/>
          <w:szCs w:val="24"/>
        </w:rPr>
        <w:t>. Развитие молодежных и волонтерских инициатив, участие в грантах. Развитие вариативных форм занятости обучающихся, в том числе в каникулярный период.</w:t>
      </w:r>
    </w:p>
    <w:p w:rsidR="006601AC" w:rsidRPr="00A153C4" w:rsidRDefault="006601AC" w:rsidP="00DA5A1F">
      <w:pPr>
        <w:spacing w:after="0" w:line="240" w:lineRule="auto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16E1" w:rsidRPr="00A153C4" w:rsidRDefault="003016E1" w:rsidP="00DA5A1F">
      <w:pPr>
        <w:spacing w:after="0" w:line="240" w:lineRule="auto"/>
        <w:jc w:val="both"/>
        <w:rPr>
          <w:rFonts w:ascii="Times New Roman" w:hAnsi="Times New Roman" w:cs="Times New Roman"/>
          <w:color w:val="000080"/>
          <w:sz w:val="24"/>
          <w:szCs w:val="24"/>
        </w:rPr>
      </w:pPr>
    </w:p>
    <w:p w:rsidR="00046E41" w:rsidRPr="00A153C4" w:rsidRDefault="00046E41" w:rsidP="00FE0346">
      <w:pPr>
        <w:ind w:left="360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A153C4">
        <w:rPr>
          <w:rFonts w:ascii="Times New Roman" w:hAnsi="Times New Roman" w:cs="Times New Roman"/>
          <w:b/>
          <w:sz w:val="24"/>
          <w:szCs w:val="24"/>
        </w:rPr>
        <w:t xml:space="preserve">Регламент работы </w:t>
      </w:r>
      <w:r w:rsidR="00326E22" w:rsidRPr="00A153C4">
        <w:rPr>
          <w:rFonts w:ascii="Times New Roman" w:hAnsi="Times New Roman" w:cs="Times New Roman"/>
          <w:b/>
          <w:sz w:val="24"/>
          <w:szCs w:val="24"/>
        </w:rPr>
        <w:t>МОО «РЦДО» с.Корткерос</w:t>
      </w:r>
    </w:p>
    <w:tbl>
      <w:tblPr>
        <w:tblStyle w:val="af"/>
        <w:tblW w:w="0" w:type="auto"/>
        <w:tblInd w:w="108" w:type="dxa"/>
        <w:tblLook w:val="04A0" w:firstRow="1" w:lastRow="0" w:firstColumn="1" w:lastColumn="0" w:noHBand="0" w:noVBand="1"/>
      </w:tblPr>
      <w:tblGrid>
        <w:gridCol w:w="458"/>
        <w:gridCol w:w="3788"/>
        <w:gridCol w:w="2230"/>
        <w:gridCol w:w="1839"/>
        <w:gridCol w:w="1750"/>
      </w:tblGrid>
      <w:tr w:rsidR="0026599B" w:rsidRPr="00A153C4" w:rsidTr="0020467B">
        <w:tc>
          <w:tcPr>
            <w:tcW w:w="458" w:type="dxa"/>
          </w:tcPr>
          <w:p w:rsidR="0026599B" w:rsidRPr="00A153C4" w:rsidRDefault="0026599B" w:rsidP="0026599B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3788" w:type="dxa"/>
          </w:tcPr>
          <w:p w:rsidR="0026599B" w:rsidRPr="00A153C4" w:rsidRDefault="0026599B" w:rsidP="0026599B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Содержание</w:t>
            </w:r>
          </w:p>
        </w:tc>
        <w:tc>
          <w:tcPr>
            <w:tcW w:w="2230" w:type="dxa"/>
          </w:tcPr>
          <w:p w:rsidR="0026599B" w:rsidRPr="00A153C4" w:rsidRDefault="0026599B" w:rsidP="0026599B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Сроки</w:t>
            </w:r>
          </w:p>
        </w:tc>
        <w:tc>
          <w:tcPr>
            <w:tcW w:w="1839" w:type="dxa"/>
          </w:tcPr>
          <w:p w:rsidR="0026599B" w:rsidRPr="00A153C4" w:rsidRDefault="0026599B" w:rsidP="0026599B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е</w:t>
            </w:r>
          </w:p>
        </w:tc>
        <w:tc>
          <w:tcPr>
            <w:tcW w:w="1750" w:type="dxa"/>
          </w:tcPr>
          <w:p w:rsidR="0026599B" w:rsidRPr="00A153C4" w:rsidRDefault="0026599B" w:rsidP="0026599B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Итоговый документ</w:t>
            </w:r>
          </w:p>
        </w:tc>
      </w:tr>
      <w:tr w:rsidR="0026599B" w:rsidRPr="00A153C4" w:rsidTr="0020467B">
        <w:tc>
          <w:tcPr>
            <w:tcW w:w="458" w:type="dxa"/>
          </w:tcPr>
          <w:p w:rsidR="0026599B" w:rsidRPr="00A153C4" w:rsidRDefault="0026599B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3788" w:type="dxa"/>
          </w:tcPr>
          <w:p w:rsidR="0026599B" w:rsidRPr="00A153C4" w:rsidRDefault="0026599B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овещание при директоре</w:t>
            </w:r>
            <w:r w:rsidR="00F24FA2" w:rsidRPr="00A153C4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2230" w:type="dxa"/>
          </w:tcPr>
          <w:p w:rsidR="00F24FA2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Понедельник </w:t>
            </w:r>
          </w:p>
          <w:p w:rsidR="0026599B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(1 раз в неделю)</w:t>
            </w:r>
          </w:p>
        </w:tc>
        <w:tc>
          <w:tcPr>
            <w:tcW w:w="1839" w:type="dxa"/>
          </w:tcPr>
          <w:p w:rsidR="0026599B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1750" w:type="dxa"/>
          </w:tcPr>
          <w:p w:rsidR="0026599B" w:rsidRPr="00A153C4" w:rsidRDefault="0026599B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6599B" w:rsidRPr="00A153C4" w:rsidTr="0020467B">
        <w:tc>
          <w:tcPr>
            <w:tcW w:w="458" w:type="dxa"/>
          </w:tcPr>
          <w:p w:rsidR="0026599B" w:rsidRPr="00A153C4" w:rsidRDefault="00F24FA2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3788" w:type="dxa"/>
          </w:tcPr>
          <w:p w:rsidR="0026599B" w:rsidRPr="00A153C4" w:rsidRDefault="00F24FA2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етодический совет.</w:t>
            </w:r>
          </w:p>
        </w:tc>
        <w:tc>
          <w:tcPr>
            <w:tcW w:w="2230" w:type="dxa"/>
          </w:tcPr>
          <w:p w:rsidR="00F24FA2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Вторник </w:t>
            </w:r>
          </w:p>
          <w:p w:rsidR="0026599B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( 1 раз в 2 месяца)</w:t>
            </w:r>
          </w:p>
        </w:tc>
        <w:tc>
          <w:tcPr>
            <w:tcW w:w="1839" w:type="dxa"/>
          </w:tcPr>
          <w:p w:rsidR="0026599B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м.директора</w:t>
            </w:r>
          </w:p>
        </w:tc>
        <w:tc>
          <w:tcPr>
            <w:tcW w:w="1750" w:type="dxa"/>
          </w:tcPr>
          <w:p w:rsidR="0026599B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токол</w:t>
            </w:r>
          </w:p>
        </w:tc>
      </w:tr>
      <w:tr w:rsidR="0026599B" w:rsidRPr="00A153C4" w:rsidTr="0020467B">
        <w:tc>
          <w:tcPr>
            <w:tcW w:w="458" w:type="dxa"/>
          </w:tcPr>
          <w:p w:rsidR="0026599B" w:rsidRPr="00A153C4" w:rsidRDefault="00F24FA2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3788" w:type="dxa"/>
          </w:tcPr>
          <w:p w:rsidR="0026599B" w:rsidRPr="00A153C4" w:rsidRDefault="00F24FA2" w:rsidP="00F24FA2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Координационный совет по организации и проведению районных мероприятий.</w:t>
            </w:r>
          </w:p>
        </w:tc>
        <w:tc>
          <w:tcPr>
            <w:tcW w:w="2230" w:type="dxa"/>
          </w:tcPr>
          <w:p w:rsidR="0026599B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реда</w:t>
            </w:r>
          </w:p>
        </w:tc>
        <w:tc>
          <w:tcPr>
            <w:tcW w:w="1839" w:type="dxa"/>
          </w:tcPr>
          <w:p w:rsidR="0026599B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1750" w:type="dxa"/>
          </w:tcPr>
          <w:p w:rsidR="0026599B" w:rsidRPr="00A153C4" w:rsidRDefault="0026599B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6599B" w:rsidRPr="00A153C4" w:rsidTr="0020467B">
        <w:tc>
          <w:tcPr>
            <w:tcW w:w="458" w:type="dxa"/>
          </w:tcPr>
          <w:p w:rsidR="0026599B" w:rsidRPr="00A153C4" w:rsidRDefault="00F24FA2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3788" w:type="dxa"/>
          </w:tcPr>
          <w:p w:rsidR="0026599B" w:rsidRPr="00A153C4" w:rsidRDefault="00F24FA2" w:rsidP="00F24FA2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седание Молодежного Совета.</w:t>
            </w:r>
          </w:p>
        </w:tc>
        <w:tc>
          <w:tcPr>
            <w:tcW w:w="2230" w:type="dxa"/>
          </w:tcPr>
          <w:p w:rsidR="0026599B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Четверг</w:t>
            </w:r>
          </w:p>
        </w:tc>
        <w:tc>
          <w:tcPr>
            <w:tcW w:w="1839" w:type="dxa"/>
          </w:tcPr>
          <w:p w:rsidR="0026599B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ведующий отдела молодежных инициатив</w:t>
            </w:r>
          </w:p>
        </w:tc>
        <w:tc>
          <w:tcPr>
            <w:tcW w:w="1750" w:type="dxa"/>
          </w:tcPr>
          <w:p w:rsidR="0026599B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токол</w:t>
            </w:r>
          </w:p>
        </w:tc>
      </w:tr>
      <w:tr w:rsidR="00F24FA2" w:rsidRPr="00A153C4" w:rsidTr="0020467B">
        <w:tc>
          <w:tcPr>
            <w:tcW w:w="458" w:type="dxa"/>
          </w:tcPr>
          <w:p w:rsidR="00F24FA2" w:rsidRPr="00A153C4" w:rsidRDefault="00F24FA2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3788" w:type="dxa"/>
          </w:tcPr>
          <w:p w:rsidR="00F24FA2" w:rsidRPr="00A153C4" w:rsidRDefault="00F24FA2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едагогические советы.</w:t>
            </w:r>
          </w:p>
        </w:tc>
        <w:tc>
          <w:tcPr>
            <w:tcW w:w="2230" w:type="dxa"/>
          </w:tcPr>
          <w:p w:rsidR="00F24FA2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ятница (август, январь, май)</w:t>
            </w:r>
          </w:p>
        </w:tc>
        <w:tc>
          <w:tcPr>
            <w:tcW w:w="1839" w:type="dxa"/>
          </w:tcPr>
          <w:p w:rsidR="00F24FA2" w:rsidRPr="00A153C4" w:rsidRDefault="00F24FA2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м.директора</w:t>
            </w:r>
          </w:p>
        </w:tc>
        <w:tc>
          <w:tcPr>
            <w:tcW w:w="1750" w:type="dxa"/>
          </w:tcPr>
          <w:p w:rsidR="00F24FA2" w:rsidRPr="00A153C4" w:rsidRDefault="00F24FA2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токол</w:t>
            </w:r>
          </w:p>
        </w:tc>
      </w:tr>
      <w:tr w:rsidR="00F24FA2" w:rsidRPr="00A153C4" w:rsidTr="0020467B">
        <w:tc>
          <w:tcPr>
            <w:tcW w:w="458" w:type="dxa"/>
          </w:tcPr>
          <w:p w:rsidR="00F24FA2" w:rsidRPr="00A153C4" w:rsidRDefault="00F24FA2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3788" w:type="dxa"/>
          </w:tcPr>
          <w:p w:rsidR="00F24FA2" w:rsidRPr="00A153C4" w:rsidRDefault="00F24FA2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бщие собрания работников</w:t>
            </w:r>
          </w:p>
        </w:tc>
        <w:tc>
          <w:tcPr>
            <w:tcW w:w="2230" w:type="dxa"/>
          </w:tcPr>
          <w:p w:rsidR="00F24FA2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ятница ( 1 раз в квартал)</w:t>
            </w:r>
          </w:p>
        </w:tc>
        <w:tc>
          <w:tcPr>
            <w:tcW w:w="1839" w:type="dxa"/>
          </w:tcPr>
          <w:p w:rsidR="00F24FA2" w:rsidRPr="00A153C4" w:rsidRDefault="00F24FA2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1750" w:type="dxa"/>
          </w:tcPr>
          <w:p w:rsidR="00F24FA2" w:rsidRPr="00A153C4" w:rsidRDefault="00F24FA2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токол</w:t>
            </w:r>
          </w:p>
        </w:tc>
      </w:tr>
      <w:tr w:rsidR="00F24FA2" w:rsidRPr="00A153C4" w:rsidTr="0020467B">
        <w:tc>
          <w:tcPr>
            <w:tcW w:w="458" w:type="dxa"/>
          </w:tcPr>
          <w:p w:rsidR="00F24FA2" w:rsidRPr="00A153C4" w:rsidRDefault="00F24FA2" w:rsidP="00046E4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3788" w:type="dxa"/>
          </w:tcPr>
          <w:p w:rsidR="00F24FA2" w:rsidRPr="00A153C4" w:rsidRDefault="00F24FA2" w:rsidP="00F24FA2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ведение районных массовых мероприятий.</w:t>
            </w:r>
          </w:p>
        </w:tc>
        <w:tc>
          <w:tcPr>
            <w:tcW w:w="2230" w:type="dxa"/>
          </w:tcPr>
          <w:p w:rsidR="00F24FA2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уббота, воскресенье</w:t>
            </w:r>
          </w:p>
        </w:tc>
        <w:tc>
          <w:tcPr>
            <w:tcW w:w="1839" w:type="dxa"/>
          </w:tcPr>
          <w:p w:rsidR="00F24FA2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, ПДО</w:t>
            </w:r>
          </w:p>
        </w:tc>
        <w:tc>
          <w:tcPr>
            <w:tcW w:w="1750" w:type="dxa"/>
          </w:tcPr>
          <w:p w:rsidR="00F24FA2" w:rsidRPr="00A153C4" w:rsidRDefault="00F24FA2" w:rsidP="00F24FA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26599B" w:rsidRPr="00A153C4" w:rsidRDefault="0026599B" w:rsidP="00046E41">
      <w:pPr>
        <w:ind w:left="360"/>
        <w:rPr>
          <w:rFonts w:ascii="Times New Roman" w:hAnsi="Times New Roman" w:cs="Times New Roman"/>
          <w:b/>
          <w:sz w:val="24"/>
          <w:szCs w:val="24"/>
        </w:rPr>
      </w:pPr>
    </w:p>
    <w:p w:rsidR="0020467B" w:rsidRPr="0020467B" w:rsidRDefault="00FE0346" w:rsidP="0020467B">
      <w:pPr>
        <w:pStyle w:val="af5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20467B">
        <w:rPr>
          <w:rFonts w:ascii="Times New Roman" w:hAnsi="Times New Roman" w:cs="Times New Roman"/>
          <w:b/>
          <w:sz w:val="24"/>
          <w:szCs w:val="24"/>
        </w:rPr>
        <w:lastRenderedPageBreak/>
        <w:t>1.</w:t>
      </w:r>
      <w:r w:rsidR="00357128" w:rsidRPr="0020467B">
        <w:rPr>
          <w:rFonts w:ascii="Times New Roman" w:hAnsi="Times New Roman" w:cs="Times New Roman"/>
          <w:b/>
          <w:sz w:val="24"/>
          <w:szCs w:val="24"/>
        </w:rPr>
        <w:t>Организационная,</w:t>
      </w:r>
      <w:r w:rsidR="0020467B" w:rsidRPr="0020467B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="00357128" w:rsidRPr="0020467B">
        <w:rPr>
          <w:rFonts w:ascii="Times New Roman" w:hAnsi="Times New Roman" w:cs="Times New Roman"/>
          <w:b/>
          <w:sz w:val="24"/>
          <w:szCs w:val="24"/>
        </w:rPr>
        <w:t>а</w:t>
      </w:r>
      <w:r w:rsidR="009A346E" w:rsidRPr="0020467B">
        <w:rPr>
          <w:rFonts w:ascii="Times New Roman" w:hAnsi="Times New Roman" w:cs="Times New Roman"/>
          <w:b/>
          <w:sz w:val="24"/>
          <w:szCs w:val="24"/>
        </w:rPr>
        <w:t>налитическая, у</w:t>
      </w:r>
      <w:r w:rsidR="004400D1" w:rsidRPr="0020467B">
        <w:rPr>
          <w:rFonts w:ascii="Times New Roman" w:hAnsi="Times New Roman" w:cs="Times New Roman"/>
          <w:b/>
          <w:sz w:val="24"/>
          <w:szCs w:val="24"/>
        </w:rPr>
        <w:t>правленческая деятельность</w:t>
      </w:r>
      <w:r w:rsidR="009A346E" w:rsidRPr="0020467B">
        <w:rPr>
          <w:rFonts w:ascii="Times New Roman" w:hAnsi="Times New Roman" w:cs="Times New Roman"/>
          <w:b/>
          <w:sz w:val="24"/>
          <w:szCs w:val="24"/>
        </w:rPr>
        <w:t>.</w:t>
      </w:r>
    </w:p>
    <w:p w:rsidR="004400D1" w:rsidRPr="0020467B" w:rsidRDefault="009A346E" w:rsidP="0020467B">
      <w:pPr>
        <w:pStyle w:val="af5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20467B">
        <w:rPr>
          <w:rFonts w:ascii="Times New Roman" w:hAnsi="Times New Roman" w:cs="Times New Roman"/>
          <w:b/>
          <w:sz w:val="24"/>
          <w:szCs w:val="24"/>
        </w:rPr>
        <w:t>Контроль</w:t>
      </w:r>
    </w:p>
    <w:tbl>
      <w:tblPr>
        <w:tblW w:w="10224" w:type="dxa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575"/>
        <w:gridCol w:w="5946"/>
        <w:gridCol w:w="142"/>
        <w:gridCol w:w="1701"/>
        <w:gridCol w:w="1860"/>
      </w:tblGrid>
      <w:tr w:rsidR="004400D1" w:rsidRPr="00A153C4" w:rsidTr="00357128">
        <w:trPr>
          <w:trHeight w:val="458"/>
        </w:trPr>
        <w:tc>
          <w:tcPr>
            <w:tcW w:w="575" w:type="dxa"/>
          </w:tcPr>
          <w:p w:rsidR="004400D1" w:rsidRPr="00A153C4" w:rsidRDefault="004400D1" w:rsidP="0028405C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</w:p>
        </w:tc>
        <w:tc>
          <w:tcPr>
            <w:tcW w:w="6088" w:type="dxa"/>
            <w:gridSpan w:val="2"/>
          </w:tcPr>
          <w:p w:rsidR="004400D1" w:rsidRPr="00A153C4" w:rsidRDefault="004400D1" w:rsidP="0028405C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ероприятие</w:t>
            </w:r>
          </w:p>
        </w:tc>
        <w:tc>
          <w:tcPr>
            <w:tcW w:w="1701" w:type="dxa"/>
          </w:tcPr>
          <w:p w:rsidR="004400D1" w:rsidRPr="00A153C4" w:rsidRDefault="004400D1" w:rsidP="0028405C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ата</w:t>
            </w:r>
          </w:p>
        </w:tc>
        <w:tc>
          <w:tcPr>
            <w:tcW w:w="1860" w:type="dxa"/>
          </w:tcPr>
          <w:p w:rsidR="004400D1" w:rsidRPr="00A153C4" w:rsidRDefault="004400D1" w:rsidP="0028405C">
            <w:pPr>
              <w:jc w:val="center"/>
              <w:rPr>
                <w:rFonts w:ascii="Times New Roman" w:hAnsi="Times New Roman" w:cs="Times New Roman"/>
                <w:spacing w:val="-16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pacing w:val="-16"/>
                <w:sz w:val="24"/>
                <w:szCs w:val="24"/>
              </w:rPr>
              <w:t>Ответственный</w:t>
            </w:r>
          </w:p>
        </w:tc>
      </w:tr>
      <w:tr w:rsidR="00F6616C" w:rsidRPr="00A153C4" w:rsidTr="00C45AA4">
        <w:trPr>
          <w:trHeight w:val="458"/>
        </w:trPr>
        <w:tc>
          <w:tcPr>
            <w:tcW w:w="10224" w:type="dxa"/>
            <w:gridSpan w:val="5"/>
          </w:tcPr>
          <w:p w:rsidR="00F6616C" w:rsidRPr="00A153C4" w:rsidRDefault="00F6616C" w:rsidP="0028405C">
            <w:pPr>
              <w:jc w:val="center"/>
              <w:rPr>
                <w:rFonts w:ascii="Times New Roman" w:hAnsi="Times New Roman" w:cs="Times New Roman"/>
                <w:spacing w:val="-16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Организационная деятельность</w:t>
            </w:r>
          </w:p>
        </w:tc>
      </w:tr>
      <w:tr w:rsidR="00357128" w:rsidRPr="00A153C4" w:rsidTr="00357128">
        <w:trPr>
          <w:trHeight w:val="458"/>
        </w:trPr>
        <w:tc>
          <w:tcPr>
            <w:tcW w:w="575" w:type="dxa"/>
          </w:tcPr>
          <w:p w:rsidR="00357128" w:rsidRPr="00A153C4" w:rsidRDefault="00F6616C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6088" w:type="dxa"/>
            <w:gridSpan w:val="2"/>
          </w:tcPr>
          <w:p w:rsidR="00357128" w:rsidRPr="00A153C4" w:rsidRDefault="00357128" w:rsidP="00357128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Комплектование кадрового состава.</w:t>
            </w:r>
          </w:p>
        </w:tc>
        <w:tc>
          <w:tcPr>
            <w:tcW w:w="1701" w:type="dxa"/>
          </w:tcPr>
          <w:p w:rsidR="00357128" w:rsidRPr="00A153C4" w:rsidRDefault="00357128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Август - сентябрь</w:t>
            </w:r>
          </w:p>
        </w:tc>
        <w:tc>
          <w:tcPr>
            <w:tcW w:w="1860" w:type="dxa"/>
          </w:tcPr>
          <w:p w:rsidR="00357128" w:rsidRPr="00A153C4" w:rsidRDefault="00427240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357128" w:rsidRPr="00A153C4" w:rsidTr="00357128">
        <w:trPr>
          <w:trHeight w:val="458"/>
        </w:trPr>
        <w:tc>
          <w:tcPr>
            <w:tcW w:w="575" w:type="dxa"/>
          </w:tcPr>
          <w:p w:rsidR="00357128" w:rsidRPr="00A153C4" w:rsidRDefault="00F6616C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6088" w:type="dxa"/>
            <w:gridSpan w:val="2"/>
          </w:tcPr>
          <w:p w:rsidR="00357128" w:rsidRPr="00A153C4" w:rsidRDefault="00357128" w:rsidP="00357128">
            <w:pPr>
              <w:pStyle w:val="Default"/>
              <w:jc w:val="both"/>
            </w:pPr>
            <w:r w:rsidRPr="00A153C4">
              <w:t>Тарификация</w:t>
            </w:r>
            <w:r w:rsidR="006727B8" w:rsidRPr="00A153C4">
              <w:t>.</w:t>
            </w:r>
          </w:p>
        </w:tc>
        <w:tc>
          <w:tcPr>
            <w:tcW w:w="1701" w:type="dxa"/>
          </w:tcPr>
          <w:p w:rsidR="00357128" w:rsidRPr="00A153C4" w:rsidRDefault="00357128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о 2</w:t>
            </w:r>
            <w:r w:rsidR="002741DB" w:rsidRPr="00A153C4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сентября 201</w:t>
            </w:r>
            <w:r w:rsidR="00427240" w:rsidRPr="00A153C4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860" w:type="dxa"/>
          </w:tcPr>
          <w:p w:rsidR="00357128" w:rsidRPr="00A153C4" w:rsidRDefault="00427240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357128" w:rsidRPr="00A153C4" w:rsidTr="00357128">
        <w:trPr>
          <w:trHeight w:val="458"/>
        </w:trPr>
        <w:tc>
          <w:tcPr>
            <w:tcW w:w="575" w:type="dxa"/>
          </w:tcPr>
          <w:p w:rsidR="00357128" w:rsidRPr="00A153C4" w:rsidRDefault="00F6616C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6088" w:type="dxa"/>
            <w:gridSpan w:val="2"/>
          </w:tcPr>
          <w:p w:rsidR="00357128" w:rsidRPr="00A153C4" w:rsidRDefault="00357128" w:rsidP="00357128">
            <w:pPr>
              <w:pStyle w:val="Default"/>
              <w:jc w:val="both"/>
            </w:pPr>
            <w:r w:rsidRPr="00A153C4">
              <w:t xml:space="preserve">Составление плана работы МОО «РЦДО» с.Корткерос. </w:t>
            </w:r>
          </w:p>
        </w:tc>
        <w:tc>
          <w:tcPr>
            <w:tcW w:w="1701" w:type="dxa"/>
          </w:tcPr>
          <w:p w:rsidR="00357128" w:rsidRPr="00A153C4" w:rsidRDefault="00427240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ентябрь-октябрь 2017</w:t>
            </w:r>
          </w:p>
        </w:tc>
        <w:tc>
          <w:tcPr>
            <w:tcW w:w="1860" w:type="dxa"/>
          </w:tcPr>
          <w:p w:rsidR="00357128" w:rsidRPr="00A153C4" w:rsidRDefault="00427240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  <w:p w:rsidR="00357128" w:rsidRPr="00A153C4" w:rsidRDefault="0035712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357128" w:rsidRPr="00A153C4" w:rsidTr="00357128">
        <w:trPr>
          <w:trHeight w:val="458"/>
        </w:trPr>
        <w:tc>
          <w:tcPr>
            <w:tcW w:w="575" w:type="dxa"/>
          </w:tcPr>
          <w:p w:rsidR="00357128" w:rsidRPr="00A153C4" w:rsidRDefault="00F6616C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6088" w:type="dxa"/>
            <w:gridSpan w:val="2"/>
          </w:tcPr>
          <w:p w:rsidR="00357128" w:rsidRPr="00A153C4" w:rsidRDefault="00357128" w:rsidP="00357128">
            <w:pPr>
              <w:pStyle w:val="Default"/>
              <w:jc w:val="both"/>
            </w:pPr>
            <w:r w:rsidRPr="00A153C4">
              <w:t>Составление (корректировка) списков учащихся, временного расписания</w:t>
            </w:r>
            <w:r w:rsidR="006727B8" w:rsidRPr="00A153C4">
              <w:t>.</w:t>
            </w:r>
          </w:p>
        </w:tc>
        <w:tc>
          <w:tcPr>
            <w:tcW w:w="1701" w:type="dxa"/>
          </w:tcPr>
          <w:p w:rsidR="00357128" w:rsidRPr="00A153C4" w:rsidRDefault="00357128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1860" w:type="dxa"/>
          </w:tcPr>
          <w:p w:rsidR="00357128" w:rsidRPr="00A153C4" w:rsidRDefault="00427240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</w:tr>
      <w:tr w:rsidR="00357128" w:rsidRPr="00A153C4" w:rsidTr="00357128">
        <w:trPr>
          <w:trHeight w:val="458"/>
        </w:trPr>
        <w:tc>
          <w:tcPr>
            <w:tcW w:w="575" w:type="dxa"/>
          </w:tcPr>
          <w:p w:rsidR="00357128" w:rsidRPr="00A153C4" w:rsidRDefault="00F6616C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6088" w:type="dxa"/>
            <w:gridSpan w:val="2"/>
          </w:tcPr>
          <w:p w:rsidR="00357128" w:rsidRPr="00A153C4" w:rsidRDefault="00357128" w:rsidP="00357128">
            <w:pPr>
              <w:pStyle w:val="Default"/>
              <w:jc w:val="both"/>
            </w:pPr>
            <w:r w:rsidRPr="00A153C4">
              <w:t>Корректировка расписания учебной  деятельности</w:t>
            </w:r>
            <w:r w:rsidR="006727B8" w:rsidRPr="00A153C4">
              <w:t>.</w:t>
            </w:r>
          </w:p>
        </w:tc>
        <w:tc>
          <w:tcPr>
            <w:tcW w:w="1701" w:type="dxa"/>
          </w:tcPr>
          <w:p w:rsidR="00357128" w:rsidRPr="00A153C4" w:rsidRDefault="00357128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860" w:type="dxa"/>
          </w:tcPr>
          <w:p w:rsidR="00357128" w:rsidRPr="00A153C4" w:rsidRDefault="00427240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</w:tr>
      <w:tr w:rsidR="00357128" w:rsidRPr="00A153C4" w:rsidTr="00357128">
        <w:trPr>
          <w:trHeight w:val="458"/>
        </w:trPr>
        <w:tc>
          <w:tcPr>
            <w:tcW w:w="575" w:type="dxa"/>
          </w:tcPr>
          <w:p w:rsidR="00357128" w:rsidRPr="00A153C4" w:rsidRDefault="00F6616C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6088" w:type="dxa"/>
            <w:gridSpan w:val="2"/>
          </w:tcPr>
          <w:p w:rsidR="00357128" w:rsidRPr="00A153C4" w:rsidRDefault="006727B8" w:rsidP="00357128">
            <w:pPr>
              <w:pStyle w:val="Default"/>
              <w:jc w:val="both"/>
            </w:pPr>
            <w:r w:rsidRPr="00A153C4">
              <w:t>Обновление информации на сайте.</w:t>
            </w:r>
          </w:p>
        </w:tc>
        <w:tc>
          <w:tcPr>
            <w:tcW w:w="1701" w:type="dxa"/>
          </w:tcPr>
          <w:p w:rsidR="00357128" w:rsidRPr="00A153C4" w:rsidRDefault="00357128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Ежемесячно </w:t>
            </w:r>
          </w:p>
        </w:tc>
        <w:tc>
          <w:tcPr>
            <w:tcW w:w="1860" w:type="dxa"/>
          </w:tcPr>
          <w:p w:rsidR="00357128" w:rsidRPr="00A153C4" w:rsidRDefault="0035712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инский А.И.</w:t>
            </w:r>
          </w:p>
        </w:tc>
      </w:tr>
      <w:tr w:rsidR="006727B8" w:rsidRPr="00A153C4" w:rsidTr="00357128">
        <w:trPr>
          <w:trHeight w:val="458"/>
        </w:trPr>
        <w:tc>
          <w:tcPr>
            <w:tcW w:w="575" w:type="dxa"/>
          </w:tcPr>
          <w:p w:rsidR="006727B8" w:rsidRPr="00A153C4" w:rsidRDefault="006727B8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6088" w:type="dxa"/>
            <w:gridSpan w:val="2"/>
          </w:tcPr>
          <w:p w:rsidR="006727B8" w:rsidRPr="00A153C4" w:rsidRDefault="006727B8" w:rsidP="00357128">
            <w:pPr>
              <w:pStyle w:val="Default"/>
              <w:jc w:val="both"/>
            </w:pPr>
            <w:r w:rsidRPr="00A153C4">
              <w:t>Работа с обращениями граждан.</w:t>
            </w:r>
          </w:p>
        </w:tc>
        <w:tc>
          <w:tcPr>
            <w:tcW w:w="1701" w:type="dxa"/>
          </w:tcPr>
          <w:p w:rsidR="006727B8" w:rsidRPr="00A153C4" w:rsidRDefault="006727B8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 мере Поступления</w:t>
            </w:r>
          </w:p>
        </w:tc>
        <w:tc>
          <w:tcPr>
            <w:tcW w:w="1860" w:type="dxa"/>
          </w:tcPr>
          <w:p w:rsidR="006727B8" w:rsidRPr="00A153C4" w:rsidRDefault="00427240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7D04DD">
            <w:pPr>
              <w:pStyle w:val="Default"/>
              <w:jc w:val="both"/>
            </w:pPr>
            <w:r w:rsidRPr="00A153C4">
              <w:rPr>
                <w:bCs/>
                <w:color w:val="000000" w:themeColor="text1"/>
              </w:rPr>
              <w:t xml:space="preserve">Оздоровительные мероприятия в дни   каникул  в рамках круглогодичной оздоровительной программы </w:t>
            </w:r>
          </w:p>
        </w:tc>
        <w:tc>
          <w:tcPr>
            <w:tcW w:w="1701" w:type="dxa"/>
          </w:tcPr>
          <w:p w:rsidR="00232E85" w:rsidRPr="00A153C4" w:rsidRDefault="00427240" w:rsidP="007D04DD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Ноябрь 2017</w:t>
            </w:r>
          </w:p>
          <w:p w:rsidR="00232E85" w:rsidRPr="00A153C4" w:rsidRDefault="00427240" w:rsidP="007D04DD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арт 2018</w:t>
            </w:r>
          </w:p>
          <w:p w:rsidR="00232E85" w:rsidRPr="00A153C4" w:rsidRDefault="00427240" w:rsidP="0020467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Июнь-август 2018</w:t>
            </w:r>
          </w:p>
        </w:tc>
        <w:tc>
          <w:tcPr>
            <w:tcW w:w="1860" w:type="dxa"/>
          </w:tcPr>
          <w:p w:rsidR="00232E85" w:rsidRPr="00A153C4" w:rsidRDefault="00642408" w:rsidP="007D04DD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232E85" w:rsidRPr="00A153C4" w:rsidTr="009A6098">
        <w:trPr>
          <w:trHeight w:val="458"/>
        </w:trPr>
        <w:tc>
          <w:tcPr>
            <w:tcW w:w="10224" w:type="dxa"/>
            <w:gridSpan w:val="5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pacing w:val="-16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Аналитическая деятельность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дготовка и сдача информации по количественному составу учащихся</w:t>
            </w:r>
          </w:p>
        </w:tc>
        <w:tc>
          <w:tcPr>
            <w:tcW w:w="1701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ентябрь 2017</w:t>
            </w:r>
          </w:p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Январь 2018</w:t>
            </w:r>
          </w:p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ай  2018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Сдача отчетности: </w:t>
            </w:r>
          </w:p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учебный план;</w:t>
            </w:r>
          </w:p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- списки учащихся на текущий учебный год; </w:t>
            </w:r>
          </w:p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заявление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Сведения о количестве педагогических работников 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Тарификация и штатное расписание на текущий учебный год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тчет по итогам самообследования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Апрель 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тчет по итогам аттестации учащихся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ай 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6088" w:type="dxa"/>
            <w:gridSpan w:val="2"/>
          </w:tcPr>
          <w:p w:rsidR="00232E85" w:rsidRPr="00A153C4" w:rsidRDefault="00642408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Анализ работы  за 2017-2018</w:t>
            </w:r>
            <w:r w:rsidR="00232E85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.</w:t>
            </w:r>
          </w:p>
        </w:tc>
        <w:tc>
          <w:tcPr>
            <w:tcW w:w="1701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ай 2018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Информация о прохождение аттестации на квалификационную категорию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ай 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9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правки по итогам внутреннего контроля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0.</w:t>
            </w:r>
          </w:p>
        </w:tc>
        <w:tc>
          <w:tcPr>
            <w:tcW w:w="6088" w:type="dxa"/>
            <w:gridSpan w:val="2"/>
          </w:tcPr>
          <w:p w:rsidR="00232E85" w:rsidRPr="00810A58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810A58">
              <w:rPr>
                <w:rFonts w:ascii="Times New Roman" w:hAnsi="Times New Roman" w:cs="Times New Roman"/>
                <w:sz w:val="24"/>
                <w:szCs w:val="24"/>
              </w:rPr>
              <w:t>Публичный отчет</w:t>
            </w:r>
            <w:r w:rsidR="00642408" w:rsidRPr="00810A58">
              <w:rPr>
                <w:rFonts w:ascii="Times New Roman" w:hAnsi="Times New Roman" w:cs="Times New Roman"/>
                <w:sz w:val="24"/>
                <w:szCs w:val="24"/>
              </w:rPr>
              <w:t xml:space="preserve"> МОО «РЦДО» с. Корткерос за 2017-2018</w:t>
            </w:r>
            <w:r w:rsidRPr="00810A58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.</w:t>
            </w:r>
          </w:p>
        </w:tc>
        <w:tc>
          <w:tcPr>
            <w:tcW w:w="1701" w:type="dxa"/>
          </w:tcPr>
          <w:p w:rsidR="00232E85" w:rsidRPr="00810A58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10A58">
              <w:rPr>
                <w:rFonts w:ascii="Times New Roman" w:hAnsi="Times New Roman" w:cs="Times New Roman"/>
                <w:sz w:val="24"/>
                <w:szCs w:val="24"/>
              </w:rPr>
              <w:t>Май</w:t>
            </w:r>
          </w:p>
          <w:p w:rsidR="00232E85" w:rsidRPr="00810A58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10A58">
              <w:rPr>
                <w:rFonts w:ascii="Times New Roman" w:hAnsi="Times New Roman" w:cs="Times New Roman"/>
                <w:sz w:val="24"/>
                <w:szCs w:val="24"/>
              </w:rPr>
              <w:t>2018</w:t>
            </w:r>
          </w:p>
        </w:tc>
        <w:tc>
          <w:tcPr>
            <w:tcW w:w="1860" w:type="dxa"/>
          </w:tcPr>
          <w:p w:rsidR="00232E85" w:rsidRPr="00810A58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10A58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  <w:p w:rsidR="00232E85" w:rsidRPr="00810A58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10A58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  <w:p w:rsidR="00232E85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10A58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  <w:p w:rsidR="000A6DC9" w:rsidRPr="00810A58" w:rsidRDefault="000A6DC9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32E85" w:rsidRPr="00A153C4" w:rsidTr="00C45AA4">
        <w:trPr>
          <w:trHeight w:val="458"/>
        </w:trPr>
        <w:tc>
          <w:tcPr>
            <w:tcW w:w="10224" w:type="dxa"/>
            <w:gridSpan w:val="5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pacing w:val="-16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lastRenderedPageBreak/>
              <w:t>Мониторинг качества образовательного процесса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Внесение изменений и дополнений в локальные акты </w:t>
            </w:r>
          </w:p>
        </w:tc>
        <w:tc>
          <w:tcPr>
            <w:tcW w:w="1701" w:type="dxa"/>
          </w:tcPr>
          <w:p w:rsidR="00232E85" w:rsidRPr="00A153C4" w:rsidRDefault="00232E85" w:rsidP="000A6DC9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jc w:val="center"/>
              <w:rPr>
                <w:rFonts w:ascii="Times New Roman" w:hAnsi="Times New Roman" w:cs="Times New Roman"/>
                <w:spacing w:val="-16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pacing w:val="-16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6088" w:type="dxa"/>
            <w:gridSpan w:val="2"/>
          </w:tcPr>
          <w:p w:rsidR="00232E85" w:rsidRPr="000C0A6A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0C0A6A">
              <w:rPr>
                <w:rFonts w:ascii="Times New Roman" w:hAnsi="Times New Roman" w:cs="Times New Roman"/>
                <w:sz w:val="24"/>
                <w:szCs w:val="24"/>
              </w:rPr>
              <w:t>Мониторинг  востребованности дополнительных образовательных услуг.</w:t>
            </w:r>
          </w:p>
        </w:tc>
        <w:tc>
          <w:tcPr>
            <w:tcW w:w="1701" w:type="dxa"/>
          </w:tcPr>
          <w:p w:rsidR="00232E85" w:rsidRPr="000C0A6A" w:rsidRDefault="000C0A6A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C0A6A">
              <w:rPr>
                <w:rFonts w:ascii="Times New Roman" w:hAnsi="Times New Roman" w:cs="Times New Roman"/>
                <w:sz w:val="24"/>
                <w:szCs w:val="24"/>
              </w:rPr>
              <w:t xml:space="preserve"> М</w:t>
            </w:r>
            <w:r w:rsidR="00232E85" w:rsidRPr="000C0A6A">
              <w:rPr>
                <w:rFonts w:ascii="Times New Roman" w:hAnsi="Times New Roman" w:cs="Times New Roman"/>
                <w:sz w:val="24"/>
                <w:szCs w:val="24"/>
              </w:rPr>
              <w:t>арт</w:t>
            </w:r>
            <w:r w:rsidRPr="000C0A6A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  <w:p w:rsidR="00232E85" w:rsidRPr="000C0A6A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C0A6A">
              <w:rPr>
                <w:rFonts w:ascii="Times New Roman" w:hAnsi="Times New Roman" w:cs="Times New Roman"/>
                <w:sz w:val="24"/>
                <w:szCs w:val="24"/>
              </w:rPr>
              <w:t>2018</w:t>
            </w:r>
          </w:p>
        </w:tc>
        <w:tc>
          <w:tcPr>
            <w:tcW w:w="1860" w:type="dxa"/>
          </w:tcPr>
          <w:p w:rsidR="00642408" w:rsidRPr="000C0A6A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C0A6A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  <w:p w:rsidR="00642408" w:rsidRPr="00A153C4" w:rsidRDefault="00642408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Экспертиза дополнительных общеразвивающих программ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Апрель 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jc w:val="center"/>
              <w:rPr>
                <w:rFonts w:ascii="Times New Roman" w:hAnsi="Times New Roman" w:cs="Times New Roman"/>
                <w:spacing w:val="-16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pacing w:val="-16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357128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Анализ выполнения дополнительных </w:t>
            </w:r>
            <w:r w:rsidR="002741DB" w:rsidRPr="00A153C4">
              <w:rPr>
                <w:rFonts w:ascii="Times New Roman" w:hAnsi="Times New Roman" w:cs="Times New Roman"/>
                <w:sz w:val="24"/>
                <w:szCs w:val="24"/>
              </w:rPr>
              <w:t>общеразвивающих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программ.</w:t>
            </w:r>
          </w:p>
        </w:tc>
        <w:tc>
          <w:tcPr>
            <w:tcW w:w="1701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екабрь 2017</w:t>
            </w:r>
            <w:r w:rsidR="00232E85" w:rsidRPr="00A153C4">
              <w:rPr>
                <w:rFonts w:ascii="Times New Roman" w:hAnsi="Times New Roman" w:cs="Times New Roman"/>
                <w:sz w:val="24"/>
                <w:szCs w:val="24"/>
              </w:rPr>
              <w:t>,</w:t>
            </w:r>
          </w:p>
          <w:p w:rsidR="00232E85" w:rsidRPr="00A153C4" w:rsidRDefault="00232E85" w:rsidP="0064240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ай 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pacing w:val="-16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pacing w:val="-16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C45AA4">
        <w:trPr>
          <w:trHeight w:val="458"/>
        </w:trPr>
        <w:tc>
          <w:tcPr>
            <w:tcW w:w="10224" w:type="dxa"/>
            <w:gridSpan w:val="5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pacing w:val="-16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Мониторинг качества образовательных результатов</w:t>
            </w:r>
          </w:p>
        </w:tc>
      </w:tr>
      <w:tr w:rsidR="00232E85" w:rsidRPr="00A153C4" w:rsidTr="000A6DC9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946" w:type="dxa"/>
          </w:tcPr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Анализ выполнения муниципального задания.</w:t>
            </w:r>
          </w:p>
        </w:tc>
        <w:tc>
          <w:tcPr>
            <w:tcW w:w="1843" w:type="dxa"/>
            <w:gridSpan w:val="2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Ежеквартально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jc w:val="center"/>
              <w:rPr>
                <w:rFonts w:ascii="Times New Roman" w:hAnsi="Times New Roman" w:cs="Times New Roman"/>
                <w:spacing w:val="-16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pacing w:val="-16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0A6DC9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5946" w:type="dxa"/>
          </w:tcPr>
          <w:p w:rsidR="00232E85" w:rsidRPr="000C0A6A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0C0A6A">
              <w:rPr>
                <w:rFonts w:ascii="Times New Roman" w:hAnsi="Times New Roman" w:cs="Times New Roman"/>
                <w:sz w:val="24"/>
                <w:szCs w:val="24"/>
              </w:rPr>
              <w:t xml:space="preserve"> Анализ проведения </w:t>
            </w:r>
            <w:r w:rsidR="000C0A6A" w:rsidRPr="000C0A6A">
              <w:rPr>
                <w:rFonts w:ascii="Times New Roman" w:hAnsi="Times New Roman" w:cs="Times New Roman"/>
                <w:sz w:val="24"/>
                <w:szCs w:val="24"/>
              </w:rPr>
              <w:t xml:space="preserve">итогового </w:t>
            </w:r>
            <w:r w:rsidRPr="000C0A6A">
              <w:rPr>
                <w:rFonts w:ascii="Times New Roman" w:hAnsi="Times New Roman" w:cs="Times New Roman"/>
                <w:sz w:val="24"/>
                <w:szCs w:val="24"/>
              </w:rPr>
              <w:t>контроля.</w:t>
            </w:r>
          </w:p>
          <w:p w:rsidR="00232E85" w:rsidRPr="000C0A6A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843" w:type="dxa"/>
            <w:gridSpan w:val="2"/>
          </w:tcPr>
          <w:p w:rsidR="00232E85" w:rsidRPr="000C0A6A" w:rsidRDefault="00232E85" w:rsidP="00F6616C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C0A6A">
              <w:rPr>
                <w:rFonts w:ascii="Times New Roman" w:hAnsi="Times New Roman" w:cs="Times New Roman"/>
                <w:sz w:val="24"/>
                <w:szCs w:val="24"/>
              </w:rPr>
              <w:t>Апрель-</w:t>
            </w:r>
          </w:p>
          <w:p w:rsidR="00232E85" w:rsidRPr="000C0A6A" w:rsidRDefault="00642408" w:rsidP="000A6DC9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C0A6A">
              <w:rPr>
                <w:rFonts w:ascii="Times New Roman" w:hAnsi="Times New Roman" w:cs="Times New Roman"/>
                <w:sz w:val="24"/>
                <w:szCs w:val="24"/>
              </w:rPr>
              <w:t>Май 2018</w:t>
            </w:r>
          </w:p>
        </w:tc>
        <w:tc>
          <w:tcPr>
            <w:tcW w:w="1860" w:type="dxa"/>
          </w:tcPr>
          <w:p w:rsidR="00232E85" w:rsidRPr="000C0A6A" w:rsidRDefault="00642408" w:rsidP="00357128">
            <w:pPr>
              <w:jc w:val="center"/>
              <w:rPr>
                <w:rFonts w:ascii="Times New Roman" w:hAnsi="Times New Roman" w:cs="Times New Roman"/>
                <w:spacing w:val="-16"/>
                <w:sz w:val="24"/>
                <w:szCs w:val="24"/>
              </w:rPr>
            </w:pPr>
            <w:r w:rsidRPr="000C0A6A">
              <w:rPr>
                <w:rFonts w:ascii="Times New Roman" w:hAnsi="Times New Roman" w:cs="Times New Roman"/>
                <w:spacing w:val="-16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0A6DC9">
        <w:trPr>
          <w:trHeight w:val="458"/>
        </w:trPr>
        <w:tc>
          <w:tcPr>
            <w:tcW w:w="575" w:type="dxa"/>
          </w:tcPr>
          <w:p w:rsidR="00232E85" w:rsidRPr="00A153C4" w:rsidRDefault="00232E85" w:rsidP="0035712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5946" w:type="dxa"/>
          </w:tcPr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Анализ  достижений учащихся.</w:t>
            </w:r>
          </w:p>
        </w:tc>
        <w:tc>
          <w:tcPr>
            <w:tcW w:w="1843" w:type="dxa"/>
            <w:gridSpan w:val="2"/>
          </w:tcPr>
          <w:p w:rsidR="00232E85" w:rsidRPr="00A153C4" w:rsidRDefault="00232E85" w:rsidP="00F6616C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милингис А.А.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</w:tc>
      </w:tr>
      <w:tr w:rsidR="00232E85" w:rsidRPr="00A153C4" w:rsidTr="0028405C">
        <w:tc>
          <w:tcPr>
            <w:tcW w:w="10224" w:type="dxa"/>
            <w:gridSpan w:val="5"/>
          </w:tcPr>
          <w:p w:rsidR="00232E85" w:rsidRPr="000A6DC9" w:rsidRDefault="00232E85" w:rsidP="000A6DC9">
            <w:pPr>
              <w:pStyle w:val="af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A6DC9">
              <w:rPr>
                <w:rFonts w:ascii="Times New Roman" w:hAnsi="Times New Roman" w:cs="Times New Roman"/>
                <w:b/>
                <w:sz w:val="24"/>
                <w:szCs w:val="24"/>
              </w:rPr>
              <w:t>Управленческая деятельность</w:t>
            </w:r>
          </w:p>
          <w:p w:rsidR="00232E85" w:rsidRPr="00A153C4" w:rsidRDefault="00232E85" w:rsidP="000A6DC9">
            <w:pPr>
              <w:pStyle w:val="af5"/>
              <w:jc w:val="center"/>
            </w:pPr>
            <w:r w:rsidRPr="000A6DC9">
              <w:rPr>
                <w:rFonts w:ascii="Times New Roman" w:hAnsi="Times New Roman" w:cs="Times New Roman"/>
                <w:b/>
                <w:sz w:val="24"/>
                <w:szCs w:val="24"/>
              </w:rPr>
              <w:t>План работы педагогического совета</w:t>
            </w:r>
          </w:p>
        </w:tc>
      </w:tr>
      <w:tr w:rsidR="00232E85" w:rsidRPr="00A153C4" w:rsidTr="00357128">
        <w:tc>
          <w:tcPr>
            <w:tcW w:w="575" w:type="dxa"/>
          </w:tcPr>
          <w:p w:rsidR="00232E85" w:rsidRPr="00A153C4" w:rsidRDefault="00232E85" w:rsidP="00357128">
            <w:pPr>
              <w:pStyle w:val="af0"/>
              <w:numPr>
                <w:ilvl w:val="0"/>
                <w:numId w:val="36"/>
              </w:num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088" w:type="dxa"/>
            <w:gridSpan w:val="2"/>
          </w:tcPr>
          <w:p w:rsidR="00232E85" w:rsidRPr="009B075E" w:rsidRDefault="009B075E" w:rsidP="00357128">
            <w:pPr>
              <w:pStyle w:val="af5"/>
              <w:jc w:val="both"/>
              <w:rPr>
                <w:rFonts w:ascii="Times New Roman" w:hAnsi="Times New Roman" w:cs="Times New Roman"/>
                <w:color w:val="FF0000"/>
                <w:sz w:val="24"/>
                <w:szCs w:val="24"/>
              </w:rPr>
            </w:pPr>
            <w:r w:rsidRPr="009B075E">
              <w:rPr>
                <w:rFonts w:ascii="Times New Roman" w:hAnsi="Times New Roman" w:cs="Times New Roman"/>
                <w:sz w:val="24"/>
                <w:szCs w:val="24"/>
              </w:rPr>
              <w:t>«Перспективы развития организации на 2017 – 2018 учебный год в условиях модернизации системы дополнительного образования»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1701" w:type="dxa"/>
            <w:vAlign w:val="center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Август 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232E85" w:rsidRPr="00A153C4" w:rsidTr="00357128">
        <w:tc>
          <w:tcPr>
            <w:tcW w:w="575" w:type="dxa"/>
          </w:tcPr>
          <w:p w:rsidR="00232E85" w:rsidRPr="00A153C4" w:rsidRDefault="00232E85" w:rsidP="00357128">
            <w:pPr>
              <w:pStyle w:val="af0"/>
              <w:numPr>
                <w:ilvl w:val="0"/>
                <w:numId w:val="36"/>
              </w:num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088" w:type="dxa"/>
            <w:gridSpan w:val="2"/>
          </w:tcPr>
          <w:p w:rsidR="00232E85" w:rsidRPr="009B075E" w:rsidRDefault="009B075E" w:rsidP="009B075E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9B075E">
              <w:rPr>
                <w:rFonts w:ascii="Times New Roman" w:hAnsi="Times New Roman" w:cs="Times New Roman"/>
                <w:sz w:val="24"/>
                <w:szCs w:val="24"/>
              </w:rPr>
              <w:t>«Профессиональный стандарт как вектор качества дополнительного образования»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1701" w:type="dxa"/>
            <w:vAlign w:val="center"/>
          </w:tcPr>
          <w:p w:rsidR="00232E85" w:rsidRPr="00A153C4" w:rsidRDefault="00627BE4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Февраль</w:t>
            </w:r>
            <w:r w:rsidR="00232E85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232E85" w:rsidRPr="00A153C4" w:rsidTr="00357128">
        <w:tc>
          <w:tcPr>
            <w:tcW w:w="575" w:type="dxa"/>
          </w:tcPr>
          <w:p w:rsidR="00232E85" w:rsidRPr="00A153C4" w:rsidRDefault="00232E85" w:rsidP="00357128">
            <w:pPr>
              <w:pStyle w:val="af0"/>
              <w:numPr>
                <w:ilvl w:val="0"/>
                <w:numId w:val="36"/>
              </w:num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Итоговый педагогический совет  </w:t>
            </w:r>
          </w:p>
          <w:p w:rsidR="00232E85" w:rsidRPr="00A153C4" w:rsidRDefault="00232E85" w:rsidP="00357128">
            <w:pPr>
              <w:pStyle w:val="af5"/>
              <w:rPr>
                <w:rFonts w:ascii="Times New Roman" w:hAnsi="Times New Roman" w:cs="Times New Roman"/>
                <w:color w:val="FF0000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(по итогам работы МОО «РЦДО» с.Корткерос за 201</w:t>
            </w:r>
            <w:r w:rsidR="002741DB" w:rsidRPr="00A153C4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201</w:t>
            </w:r>
            <w:r w:rsidR="002741DB"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)</w:t>
            </w:r>
            <w:r w:rsidR="009B075E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1701" w:type="dxa"/>
            <w:vAlign w:val="center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ай 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232E85" w:rsidRPr="00A153C4" w:rsidTr="009A6098">
        <w:tc>
          <w:tcPr>
            <w:tcW w:w="10224" w:type="dxa"/>
            <w:gridSpan w:val="5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Работа с педагогическими кадрами</w:t>
            </w:r>
          </w:p>
        </w:tc>
      </w:tr>
      <w:tr w:rsidR="00232E85" w:rsidRPr="00A153C4" w:rsidTr="00357128">
        <w:tc>
          <w:tcPr>
            <w:tcW w:w="575" w:type="dxa"/>
          </w:tcPr>
          <w:p w:rsidR="00232E85" w:rsidRPr="00A153C4" w:rsidRDefault="00232E85" w:rsidP="00357128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Расстановка кадров, определение дополнительных обязанностей, система взаимодействия. 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о 15.09.201</w:t>
            </w:r>
            <w:r w:rsidR="00642408" w:rsidRPr="00A153C4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860" w:type="dxa"/>
          </w:tcPr>
          <w:p w:rsidR="00232E85" w:rsidRPr="00A153C4" w:rsidRDefault="00642408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232E85" w:rsidRPr="00A153C4" w:rsidTr="00357128">
        <w:tc>
          <w:tcPr>
            <w:tcW w:w="575" w:type="dxa"/>
          </w:tcPr>
          <w:p w:rsidR="00232E85" w:rsidRPr="00A153C4" w:rsidRDefault="00232E85" w:rsidP="00357128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обеседование с педагогами:  по дополнительным общеразвивающим программам, отпускам, летней занятости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  <w:p w:rsidR="00642408" w:rsidRPr="00A153C4" w:rsidRDefault="00642408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357128">
        <w:tc>
          <w:tcPr>
            <w:tcW w:w="575" w:type="dxa"/>
          </w:tcPr>
          <w:p w:rsidR="00232E85" w:rsidRPr="00A153C4" w:rsidRDefault="00232E85" w:rsidP="00357128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5"/>
              <w:rPr>
                <w:rFonts w:ascii="Times New Roman" w:hAnsi="Times New Roman" w:cs="Times New Roman"/>
                <w:color w:val="auto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color w:val="auto"/>
                <w:sz w:val="24"/>
                <w:szCs w:val="24"/>
              </w:rPr>
              <w:t xml:space="preserve">Посещение занятий ПДО объединений.  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 (по графику)</w:t>
            </w:r>
          </w:p>
        </w:tc>
        <w:tc>
          <w:tcPr>
            <w:tcW w:w="1860" w:type="dxa"/>
          </w:tcPr>
          <w:p w:rsidR="00232E85" w:rsidRPr="00A153C4" w:rsidRDefault="00927D8E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  <w:p w:rsidR="00232E85" w:rsidRPr="00A153C4" w:rsidRDefault="00232E85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</w:tc>
      </w:tr>
      <w:tr w:rsidR="00232E85" w:rsidRPr="00A153C4" w:rsidTr="00357128">
        <w:tc>
          <w:tcPr>
            <w:tcW w:w="575" w:type="dxa"/>
          </w:tcPr>
          <w:p w:rsidR="00232E85" w:rsidRPr="00A153C4" w:rsidRDefault="00232E85" w:rsidP="00357128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формление договоров с педагогами дополнительного образования вновь принятыми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 мере принятия</w:t>
            </w:r>
          </w:p>
        </w:tc>
        <w:tc>
          <w:tcPr>
            <w:tcW w:w="1860" w:type="dxa"/>
          </w:tcPr>
          <w:p w:rsidR="00232E85" w:rsidRPr="00A153C4" w:rsidRDefault="002741DB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</w:tc>
      </w:tr>
      <w:tr w:rsidR="00232E85" w:rsidRPr="00A153C4" w:rsidTr="00357128">
        <w:tc>
          <w:tcPr>
            <w:tcW w:w="575" w:type="dxa"/>
          </w:tcPr>
          <w:p w:rsidR="00232E85" w:rsidRPr="00A153C4" w:rsidRDefault="00232E85" w:rsidP="00357128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Инструктаж о ведении программно-методической документации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860" w:type="dxa"/>
          </w:tcPr>
          <w:p w:rsidR="00232E85" w:rsidRPr="00A153C4" w:rsidRDefault="00927D8E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</w:tr>
      <w:tr w:rsidR="00232E85" w:rsidRPr="00A153C4" w:rsidTr="00357128">
        <w:tc>
          <w:tcPr>
            <w:tcW w:w="575" w:type="dxa"/>
          </w:tcPr>
          <w:p w:rsidR="00232E85" w:rsidRPr="00A153C4" w:rsidRDefault="00232E85" w:rsidP="00357128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810A58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Разработка программ </w:t>
            </w:r>
            <w:r w:rsidR="002741DB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дополнительных общеразвивающих программ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До  30.04.201</w:t>
            </w:r>
            <w:r w:rsidR="00927D8E"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ДО</w:t>
            </w:r>
          </w:p>
        </w:tc>
      </w:tr>
      <w:tr w:rsidR="00232E85" w:rsidRPr="00A153C4" w:rsidTr="00357128">
        <w:tc>
          <w:tcPr>
            <w:tcW w:w="575" w:type="dxa"/>
          </w:tcPr>
          <w:p w:rsidR="00232E85" w:rsidRPr="00A153C4" w:rsidRDefault="00232E85" w:rsidP="00357128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бновление дополнительных общеразвивающих программ, в т.ч. краткосрочных программ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о  30.04.201</w:t>
            </w:r>
            <w:r w:rsidR="00927D8E"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ДО</w:t>
            </w:r>
          </w:p>
        </w:tc>
      </w:tr>
      <w:tr w:rsidR="00232E85" w:rsidRPr="00A153C4" w:rsidTr="00D02CFB">
        <w:trPr>
          <w:trHeight w:val="422"/>
        </w:trPr>
        <w:tc>
          <w:tcPr>
            <w:tcW w:w="10224" w:type="dxa"/>
            <w:gridSpan w:val="5"/>
          </w:tcPr>
          <w:p w:rsidR="0095222D" w:rsidRDefault="0095222D" w:rsidP="00357128">
            <w:pPr>
              <w:pStyle w:val="af5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bookmarkStart w:id="2" w:name="_Hlk285971484"/>
          </w:p>
          <w:p w:rsidR="0095222D" w:rsidRDefault="0095222D" w:rsidP="00357128">
            <w:pPr>
              <w:pStyle w:val="af5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95222D" w:rsidRDefault="0095222D" w:rsidP="00357128">
            <w:pPr>
              <w:pStyle w:val="af5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95222D" w:rsidRDefault="0095222D" w:rsidP="00357128">
            <w:pPr>
              <w:pStyle w:val="af5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95222D" w:rsidRDefault="0095222D" w:rsidP="00357128">
            <w:pPr>
              <w:pStyle w:val="af5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95222D" w:rsidRDefault="0095222D" w:rsidP="00357128">
            <w:pPr>
              <w:pStyle w:val="af5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95222D" w:rsidRDefault="0095222D" w:rsidP="00357128">
            <w:pPr>
              <w:pStyle w:val="af5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Мероприятия по охране труда и соблюдению норм безопасности.</w:t>
            </w:r>
            <w:bookmarkEnd w:id="2"/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ведение инструктажа по охране труда, электробезопасности и пожарной безопасности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Август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</w:tr>
      <w:tr w:rsidR="00232E85" w:rsidRPr="00A153C4" w:rsidTr="001762EE">
        <w:trPr>
          <w:trHeight w:val="106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ведение рейдов по осмотру помещений, выполнению правил охраны труда,  электробезопасности и пожарной безопасности.</w:t>
            </w:r>
          </w:p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Ежеквартально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, завхоз</w:t>
            </w: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Формирование сметы расходов по обучению отдельных работников в ОО «ЦентрАттестатСервис» по электробезопасности на 201</w:t>
            </w:r>
            <w:r w:rsidR="002741DB" w:rsidRPr="00A153C4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год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повторных противопожарных инструктажей по пожарной безопасности с работниками Центра 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о 01.09.201</w:t>
            </w:r>
            <w:r w:rsidR="00927D8E" w:rsidRPr="00A153C4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дготовка заявок и проектов приказов «О прохождении периодического медицинского осмотра работниками Центра, «О проведении санитарно-гигиенического обучения работников Центра»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о 30.10.201</w:t>
            </w:r>
            <w:r w:rsidR="00927D8E" w:rsidRPr="00A153C4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ведение обучения по оказанию первой помощи пострадавшим с показом видеофильмов с использованием мультимедийного оборудования:</w:t>
            </w:r>
          </w:p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с работниками Центра;</w:t>
            </w:r>
          </w:p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с вновь принятыми работниками</w:t>
            </w:r>
          </w:p>
        </w:tc>
        <w:tc>
          <w:tcPr>
            <w:tcW w:w="1701" w:type="dxa"/>
          </w:tcPr>
          <w:p w:rsidR="00232E85" w:rsidRPr="00A153C4" w:rsidRDefault="002741DB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 2018 г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741DB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232E85" w:rsidRPr="00A153C4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верка правильности ведения журналов по регистрации инструктажей на рабочем месте по охране труда с работниками Центра с составлением актов проверки.</w:t>
            </w:r>
          </w:p>
        </w:tc>
        <w:tc>
          <w:tcPr>
            <w:tcW w:w="1701" w:type="dxa"/>
          </w:tcPr>
          <w:p w:rsidR="00232E85" w:rsidRPr="00A153C4" w:rsidRDefault="00927D8E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Ноябрь 2017</w:t>
            </w:r>
          </w:p>
          <w:p w:rsidR="00232E85" w:rsidRPr="00A153C4" w:rsidRDefault="00927D8E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арт 2018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Члены комиссии по охране труда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9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верка журналов учета работы педагогов на предмет проведения инструктажей  с учащимися  Центра по технике безопасности и правилам поведения на занятиях ( до начала занятий, после их окончания) и переменах</w:t>
            </w:r>
            <w:r w:rsidR="002741DB" w:rsidRPr="00A153C4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1701" w:type="dxa"/>
          </w:tcPr>
          <w:p w:rsidR="00232E85" w:rsidRPr="00A153C4" w:rsidRDefault="002741DB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Октябрь </w:t>
            </w:r>
            <w:r w:rsidR="00927D8E" w:rsidRPr="00A153C4">
              <w:rPr>
                <w:rFonts w:ascii="Times New Roman" w:hAnsi="Times New Roman" w:cs="Times New Roman"/>
                <w:sz w:val="24"/>
                <w:szCs w:val="24"/>
              </w:rPr>
              <w:t>2017</w:t>
            </w:r>
          </w:p>
          <w:p w:rsidR="00232E85" w:rsidRPr="00A153C4" w:rsidRDefault="00927D8E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арт 2018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Члены комиссии по охране труда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0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обучения должностных лиц Центра в ОО «ЦентрАттестатСервис» по вопросу охраны труда: </w:t>
            </w:r>
          </w:p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- заместитель директора – </w:t>
            </w:r>
            <w:r w:rsidR="002741DB"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  <w:p w:rsidR="002741DB" w:rsidRPr="00A153C4" w:rsidRDefault="002741DB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завхоз – Валейская Е.Я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В течение </w:t>
            </w:r>
            <w:r w:rsidR="002741DB" w:rsidRPr="00A153C4">
              <w:rPr>
                <w:rFonts w:ascii="Times New Roman" w:hAnsi="Times New Roman" w:cs="Times New Roman"/>
                <w:sz w:val="24"/>
                <w:szCs w:val="24"/>
              </w:rPr>
              <w:t>2017-2018 уч.года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1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рганизация и проведение периодического медицинского осмотра работников Центра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До </w:t>
            </w:r>
            <w:r w:rsidR="002741DB" w:rsidRPr="00A153C4">
              <w:rPr>
                <w:rFonts w:ascii="Times New Roman" w:hAnsi="Times New Roman" w:cs="Times New Roman"/>
                <w:sz w:val="24"/>
                <w:szCs w:val="24"/>
              </w:rPr>
              <w:t>15.09.2018 г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2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Направление в Учебный центр ГУ РК «Управление ППС и ГЗ» ответственных должностных лиц Центра на курсы по повышению квалификации по мерам  пожарной безопасности:</w:t>
            </w:r>
          </w:p>
          <w:p w:rsidR="00232E85" w:rsidRPr="00A153C4" w:rsidRDefault="00927D8E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директор – Попова Е.Г.</w:t>
            </w:r>
          </w:p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 зам</w:t>
            </w:r>
            <w:r w:rsidR="00927D8E" w:rsidRPr="00A153C4">
              <w:rPr>
                <w:rFonts w:ascii="Times New Roman" w:hAnsi="Times New Roman" w:cs="Times New Roman"/>
                <w:sz w:val="24"/>
                <w:szCs w:val="24"/>
              </w:rPr>
              <w:t>еститель директора – Гасматулина В.А.</w:t>
            </w:r>
          </w:p>
        </w:tc>
        <w:tc>
          <w:tcPr>
            <w:tcW w:w="1701" w:type="dxa"/>
          </w:tcPr>
          <w:p w:rsidR="00232E85" w:rsidRPr="00A153C4" w:rsidRDefault="00927D8E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2017-2018</w:t>
            </w:r>
            <w:r w:rsidR="00232E85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уч.года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3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дготовка годовых</w:t>
            </w:r>
            <w:r w:rsidR="00BA7653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отчетов по охране труда за 2017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год.</w:t>
            </w:r>
          </w:p>
        </w:tc>
        <w:tc>
          <w:tcPr>
            <w:tcW w:w="1701" w:type="dxa"/>
          </w:tcPr>
          <w:p w:rsidR="00232E85" w:rsidRPr="00A153C4" w:rsidRDefault="00BA7653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о 15.01.2018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4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ведение целевых, внеплановых противопожарных инструктажей с работниками Центра.</w:t>
            </w:r>
          </w:p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По мере проведения массовых мероприятий, при введении в действии новых или 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изменении ранее разработанных правил, норм, инструкций по пожарной безопасности.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Члены комиссии по охране труда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5.</w:t>
            </w:r>
          </w:p>
        </w:tc>
        <w:tc>
          <w:tcPr>
            <w:tcW w:w="6088" w:type="dxa"/>
            <w:gridSpan w:val="2"/>
          </w:tcPr>
          <w:p w:rsidR="00232E85" w:rsidRPr="00A153C4" w:rsidRDefault="00BA7653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Направление в 2018</w:t>
            </w:r>
            <w:r w:rsidR="00232E85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году ответственных должностных лиц Центра на курсы по повышению квалификации по мерам пожарной безопасности в Учебный центр ГУ РК «Управление ППС и ГЗ»</w:t>
            </w:r>
          </w:p>
        </w:tc>
        <w:tc>
          <w:tcPr>
            <w:tcW w:w="1701" w:type="dxa"/>
          </w:tcPr>
          <w:p w:rsidR="00232E85" w:rsidRPr="00A153C4" w:rsidRDefault="00BA7653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2017-2018</w:t>
            </w:r>
            <w:r w:rsidR="00232E85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уч.года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6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Разработка Плана основных мероприятий в области гражданской обороны, предупреждения и ликвидации ЧС, обеспечения пожарной безопасности и безопасн</w:t>
            </w:r>
            <w:r w:rsidR="00BA7653" w:rsidRPr="00A153C4">
              <w:rPr>
                <w:rFonts w:ascii="Times New Roman" w:hAnsi="Times New Roman" w:cs="Times New Roman"/>
                <w:sz w:val="24"/>
                <w:szCs w:val="24"/>
              </w:rPr>
              <w:t>ости на вводных объектах на 2018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год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соответствии с приказом МО и МП РК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7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Контроль и организация дежурства по безопа</w:t>
            </w:r>
            <w:r w:rsidR="00BA7653" w:rsidRPr="00A153C4">
              <w:rPr>
                <w:rFonts w:ascii="Times New Roman" w:hAnsi="Times New Roman" w:cs="Times New Roman"/>
                <w:sz w:val="24"/>
                <w:szCs w:val="24"/>
              </w:rPr>
              <w:t>сному проведению в 2017-2018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учебном году мероприятий с массовым пребыванием людей с целью обеспечения пожарной безопасности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огласно графикам проведения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м.директора</w:t>
            </w:r>
          </w:p>
        </w:tc>
      </w:tr>
      <w:tr w:rsidR="00232E85" w:rsidRPr="00A153C4" w:rsidTr="001762EE">
        <w:trPr>
          <w:trHeight w:val="730"/>
        </w:trPr>
        <w:tc>
          <w:tcPr>
            <w:tcW w:w="575" w:type="dxa"/>
          </w:tcPr>
          <w:p w:rsidR="00232E85" w:rsidRPr="00A153C4" w:rsidRDefault="00232E85" w:rsidP="00357128">
            <w:pPr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8.</w:t>
            </w:r>
          </w:p>
        </w:tc>
        <w:tc>
          <w:tcPr>
            <w:tcW w:w="6088" w:type="dxa"/>
            <w:gridSpan w:val="2"/>
          </w:tcPr>
          <w:p w:rsidR="00232E85" w:rsidRPr="00A153C4" w:rsidRDefault="00232E85" w:rsidP="0035712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ыполнение мероприятий по обеспечению пожарной безопасности в Центре.</w:t>
            </w:r>
          </w:p>
        </w:tc>
        <w:tc>
          <w:tcPr>
            <w:tcW w:w="1701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</w:t>
            </w:r>
            <w:r w:rsidR="00BA7653" w:rsidRPr="00A153C4">
              <w:rPr>
                <w:rFonts w:ascii="Times New Roman" w:hAnsi="Times New Roman" w:cs="Times New Roman"/>
                <w:sz w:val="24"/>
                <w:szCs w:val="24"/>
              </w:rPr>
              <w:t>ечение 2017-2018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уч.года</w:t>
            </w:r>
          </w:p>
        </w:tc>
        <w:tc>
          <w:tcPr>
            <w:tcW w:w="1860" w:type="dxa"/>
          </w:tcPr>
          <w:p w:rsidR="00232E85" w:rsidRPr="00A153C4" w:rsidRDefault="00232E85" w:rsidP="0035712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</w:tr>
    </w:tbl>
    <w:p w:rsidR="006601AC" w:rsidRPr="00A153C4" w:rsidRDefault="006601AC" w:rsidP="00DA5A1F">
      <w:pPr>
        <w:spacing w:after="0" w:line="240" w:lineRule="auto"/>
        <w:jc w:val="both"/>
        <w:rPr>
          <w:rFonts w:ascii="Times New Roman" w:hAnsi="Times New Roman" w:cs="Times New Roman"/>
          <w:color w:val="000080"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  <w:bookmarkStart w:id="3" w:name="_Hlk285971527"/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A6DC9" w:rsidRDefault="000A6DC9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95222D" w:rsidRDefault="0095222D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6727B8" w:rsidRPr="00A153C4" w:rsidRDefault="006727B8" w:rsidP="006727B8">
      <w:pPr>
        <w:jc w:val="center"/>
        <w:rPr>
          <w:rFonts w:ascii="Times New Roman" w:hAnsi="Times New Roman" w:cs="Times New Roman"/>
          <w:b/>
          <w:sz w:val="24"/>
          <w:szCs w:val="24"/>
        </w:rPr>
      </w:pPr>
      <w:r w:rsidRPr="00A153C4">
        <w:rPr>
          <w:rFonts w:ascii="Times New Roman" w:hAnsi="Times New Roman" w:cs="Times New Roman"/>
          <w:b/>
          <w:sz w:val="24"/>
          <w:szCs w:val="24"/>
        </w:rPr>
        <w:t>Контроль.</w:t>
      </w:r>
    </w:p>
    <w:tbl>
      <w:tblPr>
        <w:tblStyle w:val="af"/>
        <w:tblW w:w="10314" w:type="dxa"/>
        <w:tblLayout w:type="fixed"/>
        <w:tblLook w:val="04A0" w:firstRow="1" w:lastRow="0" w:firstColumn="1" w:lastColumn="0" w:noHBand="0" w:noVBand="1"/>
      </w:tblPr>
      <w:tblGrid>
        <w:gridCol w:w="2093"/>
        <w:gridCol w:w="2410"/>
        <w:gridCol w:w="1559"/>
        <w:gridCol w:w="142"/>
        <w:gridCol w:w="1275"/>
        <w:gridCol w:w="1560"/>
        <w:gridCol w:w="1275"/>
      </w:tblGrid>
      <w:tr w:rsidR="006727B8" w:rsidRPr="00A153C4" w:rsidTr="009400D9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Вопросы, подлежащие контролю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Цель контроля</w:t>
            </w:r>
          </w:p>
        </w:tc>
        <w:tc>
          <w:tcPr>
            <w:tcW w:w="1559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Вид контроля</w:t>
            </w:r>
          </w:p>
        </w:tc>
        <w:tc>
          <w:tcPr>
            <w:tcW w:w="1417" w:type="dxa"/>
            <w:gridSpan w:val="2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Сроки проведения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й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Итоговый документ</w:t>
            </w:r>
          </w:p>
        </w:tc>
      </w:tr>
      <w:tr w:rsidR="006727B8" w:rsidRPr="00A153C4" w:rsidTr="006727B8">
        <w:tc>
          <w:tcPr>
            <w:tcW w:w="10314" w:type="dxa"/>
            <w:gridSpan w:val="7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1. Контроль за проведением образовательного процесса</w:t>
            </w:r>
          </w:p>
        </w:tc>
      </w:tr>
      <w:tr w:rsidR="006727B8" w:rsidRPr="00A153C4" w:rsidTr="009400D9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Расстановка кадров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Уточнение и корректировка распределения</w:t>
            </w:r>
            <w:r w:rsidR="00BA7653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педагогической нагрузки на 2017-2018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</w:t>
            </w:r>
          </w:p>
        </w:tc>
        <w:tc>
          <w:tcPr>
            <w:tcW w:w="1559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Фронтальный</w:t>
            </w:r>
          </w:p>
        </w:tc>
        <w:tc>
          <w:tcPr>
            <w:tcW w:w="1417" w:type="dxa"/>
            <w:gridSpan w:val="2"/>
          </w:tcPr>
          <w:p w:rsidR="006727B8" w:rsidRPr="00A153C4" w:rsidRDefault="00BA7653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Август-сентябрь 2017</w:t>
            </w:r>
            <w:r w:rsidR="006727B8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г.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иказ</w:t>
            </w:r>
          </w:p>
        </w:tc>
      </w:tr>
      <w:tr w:rsidR="006727B8" w:rsidRPr="00A153C4" w:rsidTr="009400D9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Комплектование групп учащихся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Выявление количественного состава  групп  по результатам приема</w:t>
            </w:r>
          </w:p>
        </w:tc>
        <w:tc>
          <w:tcPr>
            <w:tcW w:w="1559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417" w:type="dxa"/>
            <w:gridSpan w:val="2"/>
          </w:tcPr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Сентябрь-октябрь 2017</w:t>
            </w:r>
          </w:p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Приказ</w:t>
            </w:r>
          </w:p>
        </w:tc>
      </w:tr>
      <w:tr w:rsidR="006727B8" w:rsidRPr="00A153C4" w:rsidTr="009400D9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верка наполняемости групп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Посещаемость занятий учащимися</w:t>
            </w:r>
          </w:p>
        </w:tc>
        <w:tc>
          <w:tcPr>
            <w:tcW w:w="1559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Фронтальный</w:t>
            </w:r>
          </w:p>
        </w:tc>
        <w:tc>
          <w:tcPr>
            <w:tcW w:w="1417" w:type="dxa"/>
            <w:gridSpan w:val="2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Ноябрь</w:t>
            </w:r>
          </w:p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2017</w:t>
            </w:r>
            <w:r w:rsidR="006727B8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г, январь </w:t>
            </w:r>
          </w:p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2018</w:t>
            </w:r>
            <w:r w:rsidR="006727B8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г,</w:t>
            </w:r>
          </w:p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Март 201</w:t>
            </w:r>
            <w:r w:rsidR="00BA7653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8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 Приказ </w:t>
            </w:r>
          </w:p>
        </w:tc>
      </w:tr>
      <w:tr w:rsidR="006727B8" w:rsidRPr="00A153C4" w:rsidTr="009400D9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ведение входящего, промежуточного, итогового контроля обученности учащихся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Проверка усвоения учебного материала учащимися</w:t>
            </w:r>
          </w:p>
        </w:tc>
        <w:tc>
          <w:tcPr>
            <w:tcW w:w="1559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Фронтальный</w:t>
            </w:r>
          </w:p>
        </w:tc>
        <w:tc>
          <w:tcPr>
            <w:tcW w:w="1417" w:type="dxa"/>
            <w:gridSpan w:val="2"/>
          </w:tcPr>
          <w:p w:rsidR="006727B8" w:rsidRPr="00A153C4" w:rsidRDefault="00043EA5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Сентябрь-октябрь </w:t>
            </w:r>
          </w:p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2017</w:t>
            </w:r>
            <w:r w:rsidR="006727B8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г, январь – май </w:t>
            </w:r>
          </w:p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2018</w:t>
            </w:r>
            <w:r w:rsidR="006727B8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г</w:t>
            </w:r>
          </w:p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 Приказ </w:t>
            </w:r>
          </w:p>
        </w:tc>
      </w:tr>
      <w:tr w:rsidR="006727B8" w:rsidRPr="00A153C4" w:rsidTr="009400D9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iCs/>
                <w:color w:val="000000"/>
                <w:sz w:val="24"/>
                <w:szCs w:val="24"/>
              </w:rPr>
              <w:t>Реализация дополнительных образовательных программ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Реализация педагогических часов учебного плана</w:t>
            </w:r>
          </w:p>
        </w:tc>
        <w:tc>
          <w:tcPr>
            <w:tcW w:w="1559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Фронтальный</w:t>
            </w:r>
          </w:p>
        </w:tc>
        <w:tc>
          <w:tcPr>
            <w:tcW w:w="1417" w:type="dxa"/>
            <w:gridSpan w:val="2"/>
          </w:tcPr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Декабрь 2017</w:t>
            </w:r>
            <w:r w:rsidR="006727B8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г,</w:t>
            </w:r>
          </w:p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Май 2018</w:t>
            </w:r>
            <w:r w:rsidR="006727B8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г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 Приказ </w:t>
            </w:r>
          </w:p>
        </w:tc>
      </w:tr>
      <w:tr w:rsidR="006727B8" w:rsidRPr="00A153C4" w:rsidTr="009400D9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iCs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iCs/>
                <w:color w:val="000000"/>
                <w:sz w:val="24"/>
                <w:szCs w:val="24"/>
              </w:rPr>
              <w:t>Контроль за сохранностью контингента учащихся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Исполнение муниципального задания текущего учебного года</w:t>
            </w:r>
          </w:p>
        </w:tc>
        <w:tc>
          <w:tcPr>
            <w:tcW w:w="1559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Фронтальный</w:t>
            </w:r>
          </w:p>
        </w:tc>
        <w:tc>
          <w:tcPr>
            <w:tcW w:w="1417" w:type="dxa"/>
            <w:gridSpan w:val="2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Декабрь</w:t>
            </w:r>
          </w:p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2017</w:t>
            </w:r>
            <w:r w:rsidR="006727B8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г,</w:t>
            </w:r>
          </w:p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Май 2018</w:t>
            </w:r>
            <w:r w:rsidR="006727B8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г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 Приказ </w:t>
            </w:r>
          </w:p>
        </w:tc>
      </w:tr>
      <w:tr w:rsidR="006727B8" w:rsidRPr="00A153C4" w:rsidTr="006727B8">
        <w:tc>
          <w:tcPr>
            <w:tcW w:w="10314" w:type="dxa"/>
            <w:gridSpan w:val="7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2. Контроль за ведением документацией</w:t>
            </w:r>
          </w:p>
        </w:tc>
      </w:tr>
      <w:tr w:rsidR="006727B8" w:rsidRPr="00A153C4" w:rsidTr="009400D9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окументация ПДО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Проверка журналов учета рабочего времени ПДО, соответствие единым требованиям заполнения</w:t>
            </w:r>
          </w:p>
        </w:tc>
        <w:tc>
          <w:tcPr>
            <w:tcW w:w="1559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Фронтальный</w:t>
            </w:r>
          </w:p>
        </w:tc>
        <w:tc>
          <w:tcPr>
            <w:tcW w:w="1417" w:type="dxa"/>
            <w:gridSpan w:val="2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Ежемесячно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 Приказ </w:t>
            </w:r>
          </w:p>
        </w:tc>
      </w:tr>
      <w:tr w:rsidR="006727B8" w:rsidRPr="00A153C4" w:rsidTr="009400D9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Журнал учета работы ПДО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Проверка правильности ведения журналов учета работы ПДО на предмет проведения занятий, бесед (инструктажей) по ТБ и ПБ с </w:t>
            </w: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lastRenderedPageBreak/>
              <w:t>учащимися Центра</w:t>
            </w:r>
          </w:p>
        </w:tc>
        <w:tc>
          <w:tcPr>
            <w:tcW w:w="1559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Тематический </w:t>
            </w:r>
          </w:p>
        </w:tc>
        <w:tc>
          <w:tcPr>
            <w:tcW w:w="1417" w:type="dxa"/>
            <w:gridSpan w:val="2"/>
          </w:tcPr>
          <w:p w:rsidR="006727B8" w:rsidRPr="00A153C4" w:rsidRDefault="00043EA5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Октябрь </w:t>
            </w:r>
          </w:p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2017 г, апрель 2018</w:t>
            </w:r>
            <w:r w:rsidR="006727B8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г.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</w:t>
            </w:r>
          </w:p>
        </w:tc>
        <w:tc>
          <w:tcPr>
            <w:tcW w:w="1275" w:type="dxa"/>
          </w:tcPr>
          <w:p w:rsidR="006727B8" w:rsidRPr="00A153C4" w:rsidRDefault="00043EA5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Приказ </w:t>
            </w:r>
          </w:p>
        </w:tc>
      </w:tr>
      <w:tr w:rsidR="006727B8" w:rsidRPr="00A153C4" w:rsidTr="006727B8">
        <w:tc>
          <w:tcPr>
            <w:tcW w:w="10314" w:type="dxa"/>
            <w:gridSpan w:val="7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b/>
                <w:color w:val="000000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lastRenderedPageBreak/>
              <w:t>3. Внутренний контроль за работой педагогических кадров</w:t>
            </w:r>
          </w:p>
        </w:tc>
      </w:tr>
      <w:tr w:rsidR="006727B8" w:rsidRPr="00A153C4" w:rsidTr="001762EE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сещение занятий ПДО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Проверка соответствия занятия современным требованиям</w:t>
            </w:r>
          </w:p>
        </w:tc>
        <w:tc>
          <w:tcPr>
            <w:tcW w:w="1701" w:type="dxa"/>
            <w:gridSpan w:val="2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Тематический</w:t>
            </w:r>
          </w:p>
        </w:tc>
        <w:tc>
          <w:tcPr>
            <w:tcW w:w="1275" w:type="dxa"/>
          </w:tcPr>
          <w:p w:rsidR="00043EA5" w:rsidRPr="00A153C4" w:rsidRDefault="00C211BB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Декабрь</w:t>
            </w:r>
            <w:r w:rsidR="00043EA5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2017 г,</w:t>
            </w:r>
          </w:p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Февраль, март </w:t>
            </w:r>
          </w:p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2018</w:t>
            </w:r>
            <w:r w:rsidR="006727B8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г.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, методист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 Справка,  </w:t>
            </w:r>
          </w:p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Приказ </w:t>
            </w:r>
          </w:p>
        </w:tc>
      </w:tr>
      <w:tr w:rsidR="006727B8" w:rsidRPr="00A153C4" w:rsidTr="001762EE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iCs/>
                <w:color w:val="000000"/>
                <w:sz w:val="24"/>
                <w:szCs w:val="24"/>
              </w:rPr>
              <w:t>Аттестация педагогов дополнительного образования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Соответствие уровня профессиональной подготовки педагогов дополнительного образования заявленной категории</w:t>
            </w:r>
          </w:p>
        </w:tc>
        <w:tc>
          <w:tcPr>
            <w:tcW w:w="1701" w:type="dxa"/>
            <w:gridSpan w:val="2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ерсональный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В течение года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, методист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 Справка</w:t>
            </w:r>
          </w:p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6727B8" w:rsidRPr="00A153C4" w:rsidTr="001762EE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iCs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iCs/>
                <w:color w:val="000000"/>
                <w:sz w:val="24"/>
                <w:szCs w:val="24"/>
              </w:rPr>
              <w:t>Повышение квалификации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Анализ потребности педагогов  дополнительного образования в курсах повышения квалификации</w:t>
            </w:r>
          </w:p>
        </w:tc>
        <w:tc>
          <w:tcPr>
            <w:tcW w:w="1701" w:type="dxa"/>
            <w:gridSpan w:val="2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ерсональный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Октябрь</w:t>
            </w:r>
          </w:p>
          <w:p w:rsidR="006727B8" w:rsidRPr="00A153C4" w:rsidRDefault="00BA7653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2017</w:t>
            </w:r>
            <w:r w:rsidR="006727B8"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 г.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Методист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Справка</w:t>
            </w:r>
          </w:p>
        </w:tc>
      </w:tr>
      <w:tr w:rsidR="006727B8" w:rsidRPr="00A153C4" w:rsidTr="006727B8">
        <w:tc>
          <w:tcPr>
            <w:tcW w:w="10314" w:type="dxa"/>
            <w:gridSpan w:val="7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b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b/>
                <w:iCs/>
                <w:color w:val="000000"/>
                <w:sz w:val="24"/>
                <w:szCs w:val="24"/>
              </w:rPr>
              <w:t>4. Контроль состояния воспитательной работы</w:t>
            </w:r>
          </w:p>
        </w:tc>
      </w:tr>
      <w:tr w:rsidR="006727B8" w:rsidRPr="00A153C4" w:rsidTr="001762EE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рганизация планирования воспитательных мероприятий с учащимися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Анализ плана воспитательных мероприятий с учащимися</w:t>
            </w:r>
          </w:p>
        </w:tc>
        <w:tc>
          <w:tcPr>
            <w:tcW w:w="1701" w:type="dxa"/>
            <w:gridSpan w:val="2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Персональный</w:t>
            </w:r>
          </w:p>
        </w:tc>
        <w:tc>
          <w:tcPr>
            <w:tcW w:w="1275" w:type="dxa"/>
          </w:tcPr>
          <w:p w:rsidR="006727B8" w:rsidRPr="00A153C4" w:rsidRDefault="00BA7653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Ноябрь  2017</w:t>
            </w:r>
            <w:r w:rsidR="006727B8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г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Приказ</w:t>
            </w:r>
          </w:p>
        </w:tc>
      </w:tr>
      <w:tr w:rsidR="006727B8" w:rsidRPr="00A153C4" w:rsidTr="001762EE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iCs/>
                <w:color w:val="000000"/>
                <w:sz w:val="24"/>
                <w:szCs w:val="24"/>
              </w:rPr>
              <w:t>Эффективность воспитательной работы с учащимися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Проверка выполнения запланированной работы педагогов с учащимися</w:t>
            </w:r>
          </w:p>
        </w:tc>
        <w:tc>
          <w:tcPr>
            <w:tcW w:w="1701" w:type="dxa"/>
            <w:gridSpan w:val="2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Персональный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Июнь </w:t>
            </w:r>
          </w:p>
          <w:p w:rsidR="006727B8" w:rsidRPr="00A153C4" w:rsidRDefault="00BA7653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018</w:t>
            </w:r>
            <w:r w:rsidR="006727B8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г.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Справка, </w:t>
            </w:r>
          </w:p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Приказ</w:t>
            </w:r>
          </w:p>
        </w:tc>
      </w:tr>
      <w:tr w:rsidR="006727B8" w:rsidRPr="00A153C4" w:rsidTr="001762EE">
        <w:tc>
          <w:tcPr>
            <w:tcW w:w="2093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iCs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iCs/>
                <w:color w:val="000000"/>
                <w:sz w:val="24"/>
                <w:szCs w:val="24"/>
              </w:rPr>
              <w:t>Контроль за качеством подготовки и проведения массовых мероприятий</w:t>
            </w:r>
          </w:p>
        </w:tc>
        <w:tc>
          <w:tcPr>
            <w:tcW w:w="2410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Установление соответствия содержания и формы проведения массовых мероприятий возрастным особенностям их участников</w:t>
            </w:r>
          </w:p>
        </w:tc>
        <w:tc>
          <w:tcPr>
            <w:tcW w:w="1701" w:type="dxa"/>
            <w:gridSpan w:val="2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Обзорный</w:t>
            </w:r>
          </w:p>
        </w:tc>
        <w:tc>
          <w:tcPr>
            <w:tcW w:w="1275" w:type="dxa"/>
          </w:tcPr>
          <w:p w:rsidR="006727B8" w:rsidRPr="00A153C4" w:rsidRDefault="00BA7653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екабрь 2017</w:t>
            </w:r>
            <w:r w:rsidR="006727B8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г, март </w:t>
            </w:r>
          </w:p>
          <w:p w:rsidR="006727B8" w:rsidRPr="00A153C4" w:rsidRDefault="00BA7653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018</w:t>
            </w:r>
            <w:r w:rsidR="006727B8"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г.</w:t>
            </w:r>
          </w:p>
        </w:tc>
        <w:tc>
          <w:tcPr>
            <w:tcW w:w="1560" w:type="dxa"/>
          </w:tcPr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Заместитель директора</w:t>
            </w:r>
          </w:p>
        </w:tc>
        <w:tc>
          <w:tcPr>
            <w:tcW w:w="1275" w:type="dxa"/>
          </w:tcPr>
          <w:p w:rsidR="006727B8" w:rsidRPr="00A153C4" w:rsidRDefault="006727B8" w:rsidP="00C45AA4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 xml:space="preserve">Справка, </w:t>
            </w:r>
          </w:p>
          <w:p w:rsidR="006727B8" w:rsidRPr="00A153C4" w:rsidRDefault="006727B8" w:rsidP="00C45AA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Приказ</w:t>
            </w:r>
          </w:p>
        </w:tc>
      </w:tr>
    </w:tbl>
    <w:p w:rsidR="00263142" w:rsidRPr="00A153C4" w:rsidRDefault="00263142" w:rsidP="006601AC">
      <w:pPr>
        <w:rPr>
          <w:rFonts w:ascii="Times New Roman" w:hAnsi="Times New Roman" w:cs="Times New Roman"/>
          <w:bCs/>
          <w:sz w:val="24"/>
          <w:szCs w:val="24"/>
        </w:rPr>
      </w:pPr>
    </w:p>
    <w:p w:rsidR="00263142" w:rsidRPr="00A153C4" w:rsidRDefault="00263142" w:rsidP="006601AC">
      <w:pPr>
        <w:rPr>
          <w:rFonts w:ascii="Times New Roman" w:hAnsi="Times New Roman" w:cs="Times New Roman"/>
          <w:bCs/>
          <w:sz w:val="24"/>
          <w:szCs w:val="24"/>
        </w:rPr>
      </w:pPr>
    </w:p>
    <w:p w:rsidR="00263142" w:rsidRPr="00A153C4" w:rsidRDefault="00263142" w:rsidP="006601AC">
      <w:pPr>
        <w:rPr>
          <w:rFonts w:ascii="Times New Roman" w:hAnsi="Times New Roman" w:cs="Times New Roman"/>
          <w:bCs/>
          <w:sz w:val="24"/>
          <w:szCs w:val="24"/>
        </w:rPr>
      </w:pPr>
    </w:p>
    <w:p w:rsidR="00263142" w:rsidRPr="00A153C4" w:rsidRDefault="00263142" w:rsidP="006601AC">
      <w:pPr>
        <w:rPr>
          <w:rFonts w:ascii="Times New Roman" w:hAnsi="Times New Roman" w:cs="Times New Roman"/>
          <w:bCs/>
          <w:sz w:val="24"/>
          <w:szCs w:val="24"/>
        </w:rPr>
      </w:pPr>
    </w:p>
    <w:p w:rsidR="00C45AA4" w:rsidRPr="00A153C4" w:rsidRDefault="00C45AA4" w:rsidP="006601AC">
      <w:pPr>
        <w:rPr>
          <w:rFonts w:ascii="Times New Roman" w:hAnsi="Times New Roman" w:cs="Times New Roman"/>
          <w:bCs/>
          <w:sz w:val="24"/>
          <w:szCs w:val="24"/>
        </w:rPr>
      </w:pPr>
    </w:p>
    <w:p w:rsidR="00C45AA4" w:rsidRPr="00A153C4" w:rsidRDefault="00C45AA4" w:rsidP="006601AC">
      <w:pPr>
        <w:rPr>
          <w:rFonts w:ascii="Times New Roman" w:hAnsi="Times New Roman" w:cs="Times New Roman"/>
          <w:bCs/>
          <w:sz w:val="24"/>
          <w:szCs w:val="24"/>
        </w:rPr>
      </w:pPr>
    </w:p>
    <w:p w:rsidR="00C45AA4" w:rsidRPr="00A153C4" w:rsidRDefault="00C45AA4" w:rsidP="006601AC">
      <w:pPr>
        <w:rPr>
          <w:rFonts w:ascii="Times New Roman" w:hAnsi="Times New Roman" w:cs="Times New Roman"/>
          <w:bCs/>
          <w:sz w:val="24"/>
          <w:szCs w:val="24"/>
        </w:rPr>
      </w:pPr>
    </w:p>
    <w:p w:rsidR="000A6DC9" w:rsidRDefault="000A6DC9" w:rsidP="009400D9">
      <w:pPr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6601AC" w:rsidRPr="00A153C4" w:rsidRDefault="00FE0346" w:rsidP="009400D9">
      <w:pPr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A153C4">
        <w:rPr>
          <w:rFonts w:ascii="Times New Roman" w:hAnsi="Times New Roman" w:cs="Times New Roman"/>
          <w:b/>
          <w:bCs/>
          <w:sz w:val="24"/>
          <w:szCs w:val="24"/>
        </w:rPr>
        <w:t>2</w:t>
      </w:r>
      <w:r w:rsidR="006601AC" w:rsidRPr="00A153C4">
        <w:rPr>
          <w:rFonts w:ascii="Times New Roman" w:hAnsi="Times New Roman" w:cs="Times New Roman"/>
          <w:b/>
          <w:bCs/>
          <w:sz w:val="24"/>
          <w:szCs w:val="24"/>
        </w:rPr>
        <w:t>. Методическая работа</w:t>
      </w:r>
    </w:p>
    <w:tbl>
      <w:tblPr>
        <w:tblW w:w="10173" w:type="dxa"/>
        <w:tblBorders>
          <w:top w:val="single" w:sz="4" w:space="0" w:color="CC3333"/>
          <w:left w:val="single" w:sz="4" w:space="0" w:color="CC3333"/>
          <w:bottom w:val="single" w:sz="4" w:space="0" w:color="CC3333"/>
          <w:right w:val="single" w:sz="4" w:space="0" w:color="CC3333"/>
          <w:insideH w:val="single" w:sz="4" w:space="0" w:color="CC3333"/>
          <w:insideV w:val="single" w:sz="4" w:space="0" w:color="CC3333"/>
        </w:tblBorders>
        <w:tblLayout w:type="fixed"/>
        <w:tblLook w:val="0000" w:firstRow="0" w:lastRow="0" w:firstColumn="0" w:lastColumn="0" w:noHBand="0" w:noVBand="0"/>
      </w:tblPr>
      <w:tblGrid>
        <w:gridCol w:w="534"/>
        <w:gridCol w:w="141"/>
        <w:gridCol w:w="4395"/>
        <w:gridCol w:w="1417"/>
        <w:gridCol w:w="284"/>
        <w:gridCol w:w="1701"/>
        <w:gridCol w:w="1701"/>
      </w:tblGrid>
      <w:tr w:rsidR="00D5702D" w:rsidRPr="00A153C4" w:rsidTr="00D5702D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bookmarkEnd w:id="3"/>
          <w:p w:rsidR="00D5702D" w:rsidRPr="00A153C4" w:rsidRDefault="00D5702D" w:rsidP="00D5702D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D5702D" w:rsidRPr="00A153C4" w:rsidRDefault="00D5702D" w:rsidP="00D5702D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Мероприятия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D5702D" w:rsidRPr="00A153C4" w:rsidRDefault="00D5702D" w:rsidP="00D5702D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Срок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D5702D" w:rsidRPr="00A153C4" w:rsidRDefault="00D5702D" w:rsidP="00D5702D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Ответственный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D5702D" w:rsidRPr="00A153C4" w:rsidRDefault="00D5702D" w:rsidP="00D5702D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Итоговый документ</w:t>
            </w:r>
          </w:p>
        </w:tc>
      </w:tr>
      <w:tr w:rsidR="00D5702D" w:rsidRPr="00A153C4" w:rsidTr="00472DF5">
        <w:tc>
          <w:tcPr>
            <w:tcW w:w="10173" w:type="dxa"/>
            <w:gridSpan w:val="7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D5702D" w:rsidRPr="00A153C4" w:rsidRDefault="00FD65DD" w:rsidP="00D5702D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 xml:space="preserve">1. </w:t>
            </w:r>
            <w:r w:rsidR="00D5702D"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Информационно-методическая работа</w:t>
            </w: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472DF5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6E2CF6" w:rsidRDefault="000A6DC9" w:rsidP="00B65C5F">
            <w:pPr>
              <w:pStyle w:val="af5"/>
              <w:jc w:val="both"/>
              <w:rPr>
                <w:rStyle w:val="art-postheadericon"/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</w:pPr>
            <w:r>
              <w:rPr>
                <w:rStyle w:val="art-postheadericon"/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Участие в республиканских семинарах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ДО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472DF5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2. 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03701D" w:rsidRDefault="000A6DC9" w:rsidP="00B65C5F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03701D">
              <w:rPr>
                <w:rFonts w:ascii="Times New Roman" w:hAnsi="Times New Roman" w:cs="Times New Roman"/>
                <w:sz w:val="24"/>
                <w:szCs w:val="24"/>
              </w:rPr>
              <w:t>Организация и проведение  заседаний методического совета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токолы МС</w:t>
            </w: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Default="000A6DC9" w:rsidP="00472DF5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E61615" w:rsidRDefault="000A6DC9" w:rsidP="00B65C5F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Разработка образовате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льной программы на 2018-2020 г.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 года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Рабочая группа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ограмма</w:t>
            </w: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Default="000A6DC9" w:rsidP="00472DF5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6E2CF6" w:rsidRDefault="000A6DC9" w:rsidP="00B65C5F">
            <w:pPr>
              <w:pStyle w:val="af5"/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0A6DC9">
              <w:rPr>
                <w:rStyle w:val="art-postheadericon"/>
                <w:rFonts w:ascii="Times New Roman" w:hAnsi="Times New Roman" w:cs="Times New Roman"/>
                <w:b/>
                <w:bCs/>
                <w:color w:val="000000" w:themeColor="text1"/>
                <w:sz w:val="24"/>
                <w:szCs w:val="24"/>
              </w:rPr>
              <w:t xml:space="preserve">Семинар: </w:t>
            </w:r>
            <w:r w:rsidRPr="006E2CF6">
              <w:rPr>
                <w:rStyle w:val="art-postheadericon"/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«Современные технологии как инструмент повышения качества образования»</w:t>
            </w:r>
          </w:p>
          <w:p w:rsidR="000A6DC9" w:rsidRPr="00A153C4" w:rsidRDefault="000A6DC9" w:rsidP="00B65C5F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Март 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201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иказ</w:t>
            </w: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A65EC8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9639" w:type="dxa"/>
            <w:gridSpan w:val="6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20467B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0467B">
              <w:rPr>
                <w:rFonts w:ascii="Times New Roman" w:hAnsi="Times New Roman" w:cs="Times New Roman"/>
                <w:b/>
                <w:sz w:val="24"/>
                <w:szCs w:val="24"/>
              </w:rPr>
              <w:t>Подготовка к выпуску методической и информационной продукции</w:t>
            </w:r>
          </w:p>
          <w:p w:rsidR="000A6DC9" w:rsidRPr="00A153C4" w:rsidRDefault="000A6DC9" w:rsidP="0020467B">
            <w:pPr>
              <w:pStyle w:val="af5"/>
              <w:jc w:val="center"/>
            </w:pPr>
            <w:r w:rsidRPr="0020467B">
              <w:rPr>
                <w:rFonts w:ascii="Times New Roman" w:hAnsi="Times New Roman" w:cs="Times New Roman"/>
                <w:b/>
                <w:sz w:val="24"/>
                <w:szCs w:val="24"/>
              </w:rPr>
              <w:t>Информационно-издательская деятельность</w:t>
            </w: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472DF5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D02CFB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ыпуск и оформление рекламно-информационной продукции (афиши, объявления, визитки).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3016E1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икушева В.Б.</w:t>
            </w:r>
          </w:p>
          <w:p w:rsidR="000A6DC9" w:rsidRPr="00A153C4" w:rsidRDefault="000A6DC9" w:rsidP="003016E1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инский А.И.</w:t>
            </w:r>
          </w:p>
          <w:p w:rsidR="000A6DC9" w:rsidRPr="00A153C4" w:rsidRDefault="000A6DC9" w:rsidP="003016E1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  <w:p w:rsidR="000A6DC9" w:rsidRPr="00A153C4" w:rsidRDefault="000A6DC9" w:rsidP="003016E1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милингис А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357128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4E78F3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ыпуск и оформление информационной продукции, наградного материала к мероприятиям Центра и районным мероприятиям.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4E78F3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инский А.И.</w:t>
            </w:r>
          </w:p>
          <w:p w:rsidR="000A6DC9" w:rsidRPr="00A153C4" w:rsidRDefault="000A6DC9" w:rsidP="003016E1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20467B" w:rsidRDefault="000A6DC9" w:rsidP="0020467B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  <w:r w:rsidRPr="0020467B">
              <w:rPr>
                <w:rFonts w:ascii="Times New Roman" w:hAnsi="Times New Roman" w:cs="Times New Roman"/>
                <w:sz w:val="24"/>
                <w:szCs w:val="24"/>
              </w:rPr>
              <w:t>Совершенствование сайта учреждения с учетом требований к сайтам образовательных организаций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инский А.И.</w:t>
            </w:r>
          </w:p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20467B" w:rsidRDefault="000A6DC9" w:rsidP="0020467B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0467B">
              <w:rPr>
                <w:rFonts w:ascii="Times New Roman" w:hAnsi="Times New Roman" w:cs="Times New Roman"/>
                <w:sz w:val="24"/>
                <w:szCs w:val="24"/>
              </w:rPr>
              <w:t>Обновления информации на страницах, разделах сайта по направлениям деятельности Центра, методическое сопровождение и пополнение раздела сайта «В помощь педагогам»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инский А.И.</w:t>
            </w:r>
          </w:p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20467B" w:rsidRDefault="000A6DC9" w:rsidP="0020467B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0467B">
              <w:rPr>
                <w:rFonts w:ascii="Times New Roman" w:hAnsi="Times New Roman" w:cs="Times New Roman"/>
                <w:sz w:val="24"/>
                <w:szCs w:val="24"/>
              </w:rPr>
              <w:t>Освещение деятельности Центра через средства массовой информации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ДО</w:t>
            </w:r>
          </w:p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борник тезисов по итогам районной учебно-исследовательской конференции «Я-исследователь, я открываю мир!»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Декабрь </w:t>
            </w:r>
          </w:p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01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инский А.И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борник тезисов</w:t>
            </w: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борник тезисов по итогам районной конференции «Отечество-Земля Коми»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018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 Минский А.И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борник тезисов</w:t>
            </w:r>
          </w:p>
        </w:tc>
      </w:tr>
      <w:tr w:rsidR="000A6DC9" w:rsidRPr="00A153C4" w:rsidTr="000A6DC9">
        <w:tc>
          <w:tcPr>
            <w:tcW w:w="534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357128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8. </w:t>
            </w:r>
          </w:p>
        </w:tc>
        <w:tc>
          <w:tcPr>
            <w:tcW w:w="4536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D02CFB">
            <w:pPr>
              <w:pStyle w:val="af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0467B">
              <w:rPr>
                <w:rFonts w:ascii="Times New Roman" w:hAnsi="Times New Roman" w:cs="Times New Roman"/>
                <w:sz w:val="24"/>
                <w:szCs w:val="24"/>
              </w:rPr>
              <w:t>Редактирование и выпуск дополнительных общеразвивающих программ</w:t>
            </w:r>
          </w:p>
        </w:tc>
        <w:tc>
          <w:tcPr>
            <w:tcW w:w="1417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Июнь </w:t>
            </w:r>
          </w:p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18</w:t>
            </w:r>
          </w:p>
        </w:tc>
        <w:tc>
          <w:tcPr>
            <w:tcW w:w="198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A6DC9" w:rsidRPr="00A153C4" w:rsidTr="00C54DAF">
        <w:tc>
          <w:tcPr>
            <w:tcW w:w="10173" w:type="dxa"/>
            <w:gridSpan w:val="7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472DF5">
            <w:pPr>
              <w:jc w:val="center"/>
              <w:rPr>
                <w:rFonts w:ascii="Times New Roman" w:hAnsi="Times New Roman" w:cs="Times New Roman"/>
                <w:color w:val="FF0000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Организация и проведение мероприятий  для педагогических работников</w:t>
            </w:r>
          </w:p>
        </w:tc>
      </w:tr>
      <w:tr w:rsidR="000A6DC9" w:rsidRPr="00A153C4" w:rsidTr="000A6DC9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03701D" w:rsidRDefault="000A6DC9" w:rsidP="0003701D">
            <w:pPr>
              <w:pStyle w:val="af0"/>
              <w:numPr>
                <w:ilvl w:val="0"/>
                <w:numId w:val="48"/>
              </w:num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казание   методической и  консультативной помощи педагогам.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 года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  <w:p w:rsidR="000A6DC9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Консультации</w:t>
            </w:r>
          </w:p>
        </w:tc>
      </w:tr>
      <w:tr w:rsidR="000A6DC9" w:rsidRPr="00A153C4" w:rsidTr="000A6DC9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03701D" w:rsidRDefault="000A6DC9" w:rsidP="0003701D">
            <w:pPr>
              <w:pStyle w:val="af0"/>
              <w:numPr>
                <w:ilvl w:val="0"/>
                <w:numId w:val="48"/>
              </w:num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Разработка, корректировка программно-методического обеспечения учебно-воспитательного процесса.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</w:t>
            </w:r>
          </w:p>
          <w:p w:rsidR="000A6DC9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Разработка</w:t>
            </w:r>
          </w:p>
        </w:tc>
      </w:tr>
      <w:tr w:rsidR="000A6DC9" w:rsidRPr="00A153C4" w:rsidTr="000A6DC9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03701D" w:rsidRDefault="000A6DC9" w:rsidP="0003701D">
            <w:pPr>
              <w:pStyle w:val="af0"/>
              <w:numPr>
                <w:ilvl w:val="0"/>
                <w:numId w:val="48"/>
              </w:num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дготовка аттестационных документов, оказание методической помощи  педагогам при подготовке к аттестационным мероприятиям.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0A6DC9" w:rsidRPr="00A153C4" w:rsidRDefault="000A6DC9" w:rsidP="00FD3A8A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Консультации</w:t>
            </w:r>
          </w:p>
        </w:tc>
      </w:tr>
      <w:tr w:rsidR="0095222D" w:rsidRPr="00A153C4" w:rsidTr="000A6DC9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03701D" w:rsidRDefault="0095222D" w:rsidP="0003701D">
            <w:pPr>
              <w:pStyle w:val="af0"/>
              <w:numPr>
                <w:ilvl w:val="0"/>
                <w:numId w:val="48"/>
              </w:num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B65C5F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 xml:space="preserve">Участие педагогов в профессиональных 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мероприятиях</w:t>
            </w: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 xml:space="preserve"> разного уровня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В течение </w:t>
            </w: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года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  <w:p w:rsidR="0095222D" w:rsidRPr="00E61615" w:rsidRDefault="0095222D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Борискина</w:t>
            </w:r>
          </w:p>
          <w:p w:rsidR="0095222D" w:rsidRPr="00E61615" w:rsidRDefault="0095222D" w:rsidP="00B65C5F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Т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5222D" w:rsidRPr="00A153C4" w:rsidTr="000A6DC9">
        <w:trPr>
          <w:trHeight w:val="1325"/>
        </w:trPr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03701D" w:rsidRDefault="0095222D" w:rsidP="0003701D">
            <w:pPr>
              <w:pStyle w:val="af0"/>
              <w:numPr>
                <w:ilvl w:val="0"/>
                <w:numId w:val="48"/>
              </w:num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E61615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Методическая день в с.Нившера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Ноябрь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2017 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пова Е.Г. Гасматулина В.А.</w:t>
            </w:r>
          </w:p>
          <w:p w:rsidR="0095222D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Борискина</w:t>
            </w:r>
          </w:p>
          <w:p w:rsidR="0095222D" w:rsidRPr="00A153C4" w:rsidRDefault="0095222D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Т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иказ</w:t>
            </w:r>
          </w:p>
        </w:tc>
      </w:tr>
      <w:tr w:rsidR="0095222D" w:rsidRPr="00A153C4" w:rsidTr="000A6DC9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03701D" w:rsidRDefault="0095222D" w:rsidP="0003701D">
            <w:pPr>
              <w:pStyle w:val="af0"/>
              <w:numPr>
                <w:ilvl w:val="0"/>
                <w:numId w:val="48"/>
              </w:num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6E2CF6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6E2CF6">
              <w:rPr>
                <w:rFonts w:ascii="Times New Roman" w:hAnsi="Times New Roman" w:cs="Times New Roman"/>
                <w:sz w:val="24"/>
                <w:szCs w:val="24"/>
              </w:rPr>
              <w:t>Межрайонные педагогические чтения «Развитие педагогического потенциала системы дополнительного образования»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Февраль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2018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Борискина</w:t>
            </w:r>
          </w:p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Т.А.</w:t>
            </w:r>
          </w:p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5222D" w:rsidRPr="00A153C4" w:rsidTr="000A6DC9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03701D" w:rsidRDefault="0095222D" w:rsidP="0003701D">
            <w:pPr>
              <w:pStyle w:val="af0"/>
              <w:numPr>
                <w:ilvl w:val="0"/>
                <w:numId w:val="48"/>
              </w:num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E61615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Профессиональный конкурс «Педагог года»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Март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2018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Борискина</w:t>
            </w:r>
          </w:p>
          <w:p w:rsidR="0095222D" w:rsidRPr="00E61615" w:rsidRDefault="0095222D" w:rsidP="0020467B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Т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5222D" w:rsidRPr="00A153C4" w:rsidTr="000A6DC9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03701D" w:rsidRDefault="0095222D" w:rsidP="0003701D">
            <w:pPr>
              <w:pStyle w:val="af0"/>
              <w:numPr>
                <w:ilvl w:val="0"/>
                <w:numId w:val="48"/>
              </w:num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2E4D3C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Круглый стол по итогам открытых занятий «Качество подготовки и проведения современных занятий в условиях реализации профессиональных стандартов педагогами дополнительного образования»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Апрель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2018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Гасматулина В.А.</w:t>
            </w:r>
          </w:p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Борискина</w:t>
            </w:r>
          </w:p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1615">
              <w:rPr>
                <w:rFonts w:ascii="Times New Roman" w:hAnsi="Times New Roman" w:cs="Times New Roman"/>
                <w:sz w:val="24"/>
                <w:szCs w:val="24"/>
              </w:rPr>
              <w:t>Т.А.</w:t>
            </w:r>
          </w:p>
          <w:p w:rsidR="0095222D" w:rsidRPr="00E61615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5222D" w:rsidRPr="00A153C4" w:rsidTr="007153AD">
        <w:tc>
          <w:tcPr>
            <w:tcW w:w="10173" w:type="dxa"/>
            <w:gridSpan w:val="7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sz w:val="24"/>
                <w:szCs w:val="24"/>
              </w:rPr>
              <w:t>Организация и проведение районных мероприятий для учащихся</w:t>
            </w:r>
          </w:p>
        </w:tc>
      </w:tr>
      <w:tr w:rsidR="0095222D" w:rsidRPr="00A153C4" w:rsidTr="001762EE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Районная учебно-исследовательская конференция «Я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-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исследователь, я открываю мир!»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ктябрь 201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иказ</w:t>
            </w:r>
          </w:p>
        </w:tc>
      </w:tr>
      <w:tr w:rsidR="0095222D" w:rsidRPr="00A153C4" w:rsidTr="001762EE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Default="0095222D" w:rsidP="00E61615">
            <w:pPr>
              <w:pStyle w:val="af5"/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46472E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Конкурс изобразительного и декоративно-прикладного творчества </w:t>
            </w:r>
          </w:p>
          <w:p w:rsidR="0095222D" w:rsidRPr="00A153C4" w:rsidRDefault="0095222D" w:rsidP="00E61615">
            <w:pPr>
              <w:pStyle w:val="af5"/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«</w:t>
            </w:r>
            <w:r w:rsidRPr="0046472E">
              <w:rPr>
                <w:rFonts w:ascii="Times New Roman" w:hAnsi="Times New Roman" w:cs="Times New Roman"/>
                <w:bCs/>
                <w:sz w:val="24"/>
                <w:szCs w:val="24"/>
              </w:rPr>
              <w:t>Руки детские творят».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ктябрь – ноябрь 2016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Борискина Т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95222D" w:rsidRPr="00A153C4" w:rsidTr="001762EE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Районная конференция «Отечество-Земля Коми»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Ноябрь  2017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милингис А.А.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иказ</w:t>
            </w:r>
          </w:p>
        </w:tc>
      </w:tr>
      <w:tr w:rsidR="0095222D" w:rsidRPr="00A153C4" w:rsidTr="001762EE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03701D" w:rsidRDefault="0095222D" w:rsidP="0003701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Районный фото-видеоконкурс «Край, в котором я живу»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Ноябрь  2017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орискина Т.А.</w:t>
            </w:r>
          </w:p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иказ</w:t>
            </w:r>
          </w:p>
        </w:tc>
      </w:tr>
      <w:tr w:rsidR="0095222D" w:rsidRPr="00A153C4" w:rsidTr="001762EE">
        <w:tc>
          <w:tcPr>
            <w:tcW w:w="675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4395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Разработка сценариев для проведения культурно-массовых мероприятий, конкурсов, конференций.</w:t>
            </w:r>
          </w:p>
        </w:tc>
        <w:tc>
          <w:tcPr>
            <w:tcW w:w="1701" w:type="dxa"/>
            <w:gridSpan w:val="2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едагог-организатор</w:t>
            </w:r>
          </w:p>
        </w:tc>
        <w:tc>
          <w:tcPr>
            <w:tcW w:w="1701" w:type="dxa"/>
            <w:tcBorders>
              <w:top w:val="single" w:sz="4" w:space="0" w:color="CC3333"/>
              <w:left w:val="single" w:sz="4" w:space="0" w:color="CC3333"/>
              <w:bottom w:val="single" w:sz="4" w:space="0" w:color="CC3333"/>
              <w:right w:val="single" w:sz="4" w:space="0" w:color="CC3333"/>
            </w:tcBorders>
          </w:tcPr>
          <w:p w:rsidR="0095222D" w:rsidRPr="00A153C4" w:rsidRDefault="0095222D" w:rsidP="00E61615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9A6098" w:rsidRPr="00A153C4" w:rsidRDefault="009A6098" w:rsidP="006601AC">
      <w:pPr>
        <w:rPr>
          <w:rFonts w:ascii="Times New Roman" w:hAnsi="Times New Roman" w:cs="Times New Roman"/>
          <w:bCs/>
          <w:sz w:val="24"/>
          <w:szCs w:val="24"/>
        </w:rPr>
      </w:pPr>
      <w:bookmarkStart w:id="4" w:name="_Hlk285972034"/>
    </w:p>
    <w:p w:rsidR="009A6098" w:rsidRPr="00A153C4" w:rsidRDefault="009A6098" w:rsidP="006601AC">
      <w:pPr>
        <w:rPr>
          <w:rFonts w:ascii="Times New Roman" w:hAnsi="Times New Roman" w:cs="Times New Roman"/>
          <w:bCs/>
          <w:sz w:val="24"/>
          <w:szCs w:val="24"/>
        </w:rPr>
      </w:pPr>
    </w:p>
    <w:p w:rsidR="00E00454" w:rsidRPr="00A153C4" w:rsidRDefault="00FE0346" w:rsidP="009400D9">
      <w:pPr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A153C4">
        <w:rPr>
          <w:rFonts w:ascii="Times New Roman" w:hAnsi="Times New Roman" w:cs="Times New Roman"/>
          <w:b/>
          <w:bCs/>
          <w:sz w:val="24"/>
          <w:szCs w:val="24"/>
        </w:rPr>
        <w:lastRenderedPageBreak/>
        <w:t>3</w:t>
      </w:r>
      <w:r w:rsidR="00D02CFB" w:rsidRPr="00A153C4">
        <w:rPr>
          <w:rFonts w:ascii="Times New Roman" w:hAnsi="Times New Roman" w:cs="Times New Roman"/>
          <w:b/>
          <w:bCs/>
          <w:sz w:val="24"/>
          <w:szCs w:val="24"/>
        </w:rPr>
        <w:t xml:space="preserve">. </w:t>
      </w:r>
      <w:r w:rsidR="00E00454" w:rsidRPr="00A153C4">
        <w:rPr>
          <w:rFonts w:ascii="Times New Roman" w:hAnsi="Times New Roman" w:cs="Times New Roman"/>
          <w:b/>
          <w:bCs/>
          <w:sz w:val="24"/>
          <w:szCs w:val="24"/>
        </w:rPr>
        <w:t>Организационно-массовая деятельность</w:t>
      </w:r>
    </w:p>
    <w:tbl>
      <w:tblPr>
        <w:tblStyle w:val="af"/>
        <w:tblW w:w="0" w:type="auto"/>
        <w:tblLook w:val="04A0" w:firstRow="1" w:lastRow="0" w:firstColumn="1" w:lastColumn="0" w:noHBand="0" w:noVBand="1"/>
      </w:tblPr>
      <w:tblGrid>
        <w:gridCol w:w="493"/>
        <w:gridCol w:w="41"/>
        <w:gridCol w:w="4513"/>
        <w:gridCol w:w="23"/>
        <w:gridCol w:w="1417"/>
        <w:gridCol w:w="1985"/>
        <w:gridCol w:w="1702"/>
      </w:tblGrid>
      <w:tr w:rsidR="00E00454" w:rsidRPr="00A153C4" w:rsidTr="006259CC">
        <w:tc>
          <w:tcPr>
            <w:tcW w:w="534" w:type="dxa"/>
            <w:gridSpan w:val="2"/>
          </w:tcPr>
          <w:p w:rsidR="00E00454" w:rsidRPr="00A153C4" w:rsidRDefault="00E00454" w:rsidP="00E00454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№</w:t>
            </w:r>
          </w:p>
        </w:tc>
        <w:tc>
          <w:tcPr>
            <w:tcW w:w="4536" w:type="dxa"/>
            <w:gridSpan w:val="2"/>
          </w:tcPr>
          <w:p w:rsidR="00E00454" w:rsidRPr="00A153C4" w:rsidRDefault="00E00454" w:rsidP="00E00454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Наименование мероприятия</w:t>
            </w:r>
          </w:p>
        </w:tc>
        <w:tc>
          <w:tcPr>
            <w:tcW w:w="1417" w:type="dxa"/>
          </w:tcPr>
          <w:p w:rsidR="00E00454" w:rsidRPr="00A153C4" w:rsidRDefault="00E00454" w:rsidP="00E00454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Сроки</w:t>
            </w:r>
          </w:p>
        </w:tc>
        <w:tc>
          <w:tcPr>
            <w:tcW w:w="1985" w:type="dxa"/>
          </w:tcPr>
          <w:p w:rsidR="00E00454" w:rsidRPr="00A153C4" w:rsidRDefault="00E00454" w:rsidP="00E00454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Ответственные</w:t>
            </w:r>
          </w:p>
        </w:tc>
        <w:tc>
          <w:tcPr>
            <w:tcW w:w="1702" w:type="dxa"/>
          </w:tcPr>
          <w:p w:rsidR="00E00454" w:rsidRPr="00A153C4" w:rsidRDefault="00E00454" w:rsidP="00E00454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Итоговый документ</w:t>
            </w:r>
          </w:p>
        </w:tc>
      </w:tr>
      <w:tr w:rsidR="00BC6A24" w:rsidRPr="00A153C4" w:rsidTr="006259CC">
        <w:tc>
          <w:tcPr>
            <w:tcW w:w="10174" w:type="dxa"/>
            <w:gridSpan w:val="7"/>
          </w:tcPr>
          <w:p w:rsidR="00BC6A24" w:rsidRPr="00A153C4" w:rsidRDefault="00BC6A24" w:rsidP="00E00454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Участие в региональных этапах Всероссийских конкурсов</w:t>
            </w:r>
          </w:p>
        </w:tc>
      </w:tr>
      <w:tr w:rsidR="009D0679" w:rsidRPr="00A153C4" w:rsidTr="006259CC">
        <w:tc>
          <w:tcPr>
            <w:tcW w:w="534" w:type="dxa"/>
            <w:gridSpan w:val="2"/>
          </w:tcPr>
          <w:p w:rsidR="009D0679" w:rsidRPr="00A153C4" w:rsidRDefault="0003701D" w:rsidP="00E0045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1</w:t>
            </w:r>
            <w:r w:rsidR="00BC6A24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.</w:t>
            </w:r>
          </w:p>
        </w:tc>
        <w:tc>
          <w:tcPr>
            <w:tcW w:w="4536" w:type="dxa"/>
            <w:gridSpan w:val="2"/>
          </w:tcPr>
          <w:p w:rsidR="009D0679" w:rsidRPr="00A153C4" w:rsidRDefault="009D0679" w:rsidP="009D0679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Республиканский (заочный) конкурс  «Моя малая Родина: природа, культура, этнос».</w:t>
            </w:r>
          </w:p>
        </w:tc>
        <w:tc>
          <w:tcPr>
            <w:tcW w:w="1417" w:type="dxa"/>
          </w:tcPr>
          <w:p w:rsidR="007D04DD" w:rsidRPr="00A153C4" w:rsidRDefault="009D0679" w:rsidP="00E0045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ктябрь 2016-</w:t>
            </w:r>
          </w:p>
          <w:p w:rsidR="009D0679" w:rsidRPr="00A153C4" w:rsidRDefault="009D0679" w:rsidP="00E0045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январь 2017</w:t>
            </w:r>
          </w:p>
        </w:tc>
        <w:tc>
          <w:tcPr>
            <w:tcW w:w="1985" w:type="dxa"/>
          </w:tcPr>
          <w:p w:rsidR="009D0679" w:rsidRPr="00A153C4" w:rsidRDefault="009D0679" w:rsidP="00A65EC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Борискина Т.А.</w:t>
            </w:r>
          </w:p>
        </w:tc>
        <w:tc>
          <w:tcPr>
            <w:tcW w:w="1702" w:type="dxa"/>
          </w:tcPr>
          <w:p w:rsidR="009D0679" w:rsidRPr="00A153C4" w:rsidRDefault="009D0679" w:rsidP="00A65EC8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43425B" w:rsidRPr="00A153C4" w:rsidTr="00193E94">
        <w:tc>
          <w:tcPr>
            <w:tcW w:w="10174" w:type="dxa"/>
            <w:gridSpan w:val="7"/>
          </w:tcPr>
          <w:p w:rsidR="0043425B" w:rsidRPr="00A153C4" w:rsidRDefault="0043425B" w:rsidP="00A65EC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Межрегиональные мероприятия</w:t>
            </w:r>
          </w:p>
        </w:tc>
      </w:tr>
      <w:tr w:rsidR="000A0A20" w:rsidRPr="00A153C4" w:rsidTr="006259CC">
        <w:tc>
          <w:tcPr>
            <w:tcW w:w="534" w:type="dxa"/>
            <w:gridSpan w:val="2"/>
          </w:tcPr>
          <w:p w:rsidR="000A0A20" w:rsidRPr="00A153C4" w:rsidRDefault="0043425B" w:rsidP="00E0045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1.</w:t>
            </w:r>
          </w:p>
        </w:tc>
        <w:tc>
          <w:tcPr>
            <w:tcW w:w="4536" w:type="dxa"/>
            <w:gridSpan w:val="2"/>
          </w:tcPr>
          <w:p w:rsidR="000A0A20" w:rsidRPr="00A153C4" w:rsidRDefault="001B5497" w:rsidP="009D0679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алый поэтический марафон</w:t>
            </w:r>
          </w:p>
        </w:tc>
        <w:tc>
          <w:tcPr>
            <w:tcW w:w="1417" w:type="dxa"/>
          </w:tcPr>
          <w:p w:rsidR="000A0A20" w:rsidRPr="00A153C4" w:rsidRDefault="001B5497" w:rsidP="004C5A8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арт 2018</w:t>
            </w:r>
          </w:p>
        </w:tc>
        <w:tc>
          <w:tcPr>
            <w:tcW w:w="1985" w:type="dxa"/>
          </w:tcPr>
          <w:p w:rsidR="000A0A20" w:rsidRPr="00A153C4" w:rsidRDefault="001B5497" w:rsidP="00A65EC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еченицына О.М.</w:t>
            </w:r>
          </w:p>
        </w:tc>
        <w:tc>
          <w:tcPr>
            <w:tcW w:w="1702" w:type="dxa"/>
          </w:tcPr>
          <w:p w:rsidR="000A0A20" w:rsidRPr="00A153C4" w:rsidRDefault="000A0A20" w:rsidP="00A65EC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0A0A20" w:rsidRPr="00A153C4" w:rsidTr="006259CC">
        <w:tc>
          <w:tcPr>
            <w:tcW w:w="534" w:type="dxa"/>
            <w:gridSpan w:val="2"/>
          </w:tcPr>
          <w:p w:rsidR="000A0A20" w:rsidRPr="00A153C4" w:rsidRDefault="0043425B" w:rsidP="00E0045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2.</w:t>
            </w:r>
          </w:p>
        </w:tc>
        <w:tc>
          <w:tcPr>
            <w:tcW w:w="4536" w:type="dxa"/>
            <w:gridSpan w:val="2"/>
          </w:tcPr>
          <w:p w:rsidR="000A0A20" w:rsidRPr="00A153C4" w:rsidRDefault="001B5497" w:rsidP="009D0679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дготовка ребят для участия в Летнем Университете юных филологов</w:t>
            </w:r>
          </w:p>
        </w:tc>
        <w:tc>
          <w:tcPr>
            <w:tcW w:w="1417" w:type="dxa"/>
          </w:tcPr>
          <w:p w:rsidR="000A0A20" w:rsidRPr="00A153C4" w:rsidRDefault="001B5497" w:rsidP="004C5A8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ай 2018</w:t>
            </w:r>
          </w:p>
        </w:tc>
        <w:tc>
          <w:tcPr>
            <w:tcW w:w="1985" w:type="dxa"/>
          </w:tcPr>
          <w:p w:rsidR="000A0A20" w:rsidRPr="00A153C4" w:rsidRDefault="001B5497" w:rsidP="00A65EC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еченицына О.М.</w:t>
            </w:r>
          </w:p>
        </w:tc>
        <w:tc>
          <w:tcPr>
            <w:tcW w:w="1702" w:type="dxa"/>
          </w:tcPr>
          <w:p w:rsidR="000A0A20" w:rsidRPr="00A153C4" w:rsidRDefault="000A0A20" w:rsidP="00A65EC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6259CC" w:rsidRPr="00A153C4" w:rsidTr="006259CC">
        <w:tc>
          <w:tcPr>
            <w:tcW w:w="10174" w:type="dxa"/>
            <w:gridSpan w:val="7"/>
          </w:tcPr>
          <w:p w:rsidR="006259CC" w:rsidRPr="00A153C4" w:rsidRDefault="006259CC" w:rsidP="00BC6A2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Республиканские мероприятия</w:t>
            </w:r>
          </w:p>
        </w:tc>
      </w:tr>
      <w:tr w:rsidR="006259CC" w:rsidRPr="00A153C4" w:rsidTr="006259CC">
        <w:tc>
          <w:tcPr>
            <w:tcW w:w="493" w:type="dxa"/>
            <w:tcBorders>
              <w:right w:val="single" w:sz="4" w:space="0" w:color="auto"/>
            </w:tcBorders>
          </w:tcPr>
          <w:p w:rsidR="006259CC" w:rsidRPr="00A153C4" w:rsidRDefault="00FE0346" w:rsidP="00BC6A2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1.</w:t>
            </w:r>
          </w:p>
        </w:tc>
        <w:tc>
          <w:tcPr>
            <w:tcW w:w="4554" w:type="dxa"/>
            <w:gridSpan w:val="2"/>
            <w:tcBorders>
              <w:left w:val="single" w:sz="4" w:space="0" w:color="auto"/>
              <w:right w:val="single" w:sz="4" w:space="0" w:color="auto"/>
            </w:tcBorders>
          </w:tcPr>
          <w:p w:rsidR="006259CC" w:rsidRPr="00A153C4" w:rsidRDefault="00BA3C6A" w:rsidP="006259C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17-ых Республиканских соревнованиях по спортивному туризму на пешеходных дистанциях, посвященных международному дню туризма.</w:t>
            </w:r>
          </w:p>
        </w:tc>
        <w:tc>
          <w:tcPr>
            <w:tcW w:w="1440" w:type="dxa"/>
            <w:gridSpan w:val="2"/>
            <w:tcBorders>
              <w:left w:val="single" w:sz="4" w:space="0" w:color="auto"/>
              <w:right w:val="single" w:sz="4" w:space="0" w:color="auto"/>
            </w:tcBorders>
          </w:tcPr>
          <w:p w:rsidR="006259CC" w:rsidRPr="00A153C4" w:rsidRDefault="00BA3C6A" w:rsidP="00BC6A2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ентябрь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985" w:type="dxa"/>
            <w:tcBorders>
              <w:left w:val="single" w:sz="4" w:space="0" w:color="auto"/>
              <w:right w:val="single" w:sz="4" w:space="0" w:color="auto"/>
            </w:tcBorders>
          </w:tcPr>
          <w:p w:rsidR="006259CC" w:rsidRPr="00A153C4" w:rsidRDefault="00BA3C6A" w:rsidP="00BC6A2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итюшов В.Н.</w:t>
            </w:r>
          </w:p>
          <w:p w:rsidR="00BA3C6A" w:rsidRPr="00A153C4" w:rsidRDefault="00BA3C6A" w:rsidP="00BC6A2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Габов М.Н.</w:t>
            </w:r>
          </w:p>
        </w:tc>
        <w:tc>
          <w:tcPr>
            <w:tcW w:w="1702" w:type="dxa"/>
            <w:tcBorders>
              <w:left w:val="single" w:sz="4" w:space="0" w:color="auto"/>
            </w:tcBorders>
          </w:tcPr>
          <w:p w:rsidR="006259CC" w:rsidRPr="00A153C4" w:rsidRDefault="0026599B" w:rsidP="00BC6A2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отокол</w:t>
            </w:r>
          </w:p>
          <w:p w:rsidR="0026599B" w:rsidRPr="00A153C4" w:rsidRDefault="0026599B" w:rsidP="00BC6A24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Приказ </w:t>
            </w:r>
          </w:p>
        </w:tc>
      </w:tr>
      <w:tr w:rsidR="00BA3C6A" w:rsidRPr="00A153C4" w:rsidTr="006259CC">
        <w:tc>
          <w:tcPr>
            <w:tcW w:w="493" w:type="dxa"/>
            <w:tcBorders>
              <w:right w:val="single" w:sz="4" w:space="0" w:color="auto"/>
            </w:tcBorders>
          </w:tcPr>
          <w:p w:rsidR="00BA3C6A" w:rsidRPr="00A153C4" w:rsidRDefault="00FE0346" w:rsidP="00BC6A2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2.</w:t>
            </w:r>
          </w:p>
        </w:tc>
        <w:tc>
          <w:tcPr>
            <w:tcW w:w="4554" w:type="dxa"/>
            <w:gridSpan w:val="2"/>
            <w:tcBorders>
              <w:left w:val="single" w:sz="4" w:space="0" w:color="auto"/>
              <w:right w:val="single" w:sz="4" w:space="0" w:color="auto"/>
            </w:tcBorders>
          </w:tcPr>
          <w:p w:rsidR="00BA3C6A" w:rsidRPr="00A153C4" w:rsidRDefault="00BA3C6A" w:rsidP="006259C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-ых Республиканских соревнованиях «Школа безопасности»</w:t>
            </w:r>
          </w:p>
        </w:tc>
        <w:tc>
          <w:tcPr>
            <w:tcW w:w="1440" w:type="dxa"/>
            <w:gridSpan w:val="2"/>
            <w:tcBorders>
              <w:left w:val="single" w:sz="4" w:space="0" w:color="auto"/>
              <w:right w:val="single" w:sz="4" w:space="0" w:color="auto"/>
            </w:tcBorders>
          </w:tcPr>
          <w:p w:rsidR="00BA3C6A" w:rsidRPr="00A153C4" w:rsidRDefault="00BA3C6A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ентябрь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985" w:type="dxa"/>
            <w:tcBorders>
              <w:left w:val="single" w:sz="4" w:space="0" w:color="auto"/>
              <w:right w:val="single" w:sz="4" w:space="0" w:color="auto"/>
            </w:tcBorders>
          </w:tcPr>
          <w:p w:rsidR="00BA3C6A" w:rsidRPr="00A153C4" w:rsidRDefault="00BA3C6A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итюшов В.Н.</w:t>
            </w:r>
          </w:p>
          <w:p w:rsidR="00BA3C6A" w:rsidRPr="00A153C4" w:rsidRDefault="00BA3C6A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Габов М.Н.</w:t>
            </w:r>
          </w:p>
        </w:tc>
        <w:tc>
          <w:tcPr>
            <w:tcW w:w="1702" w:type="dxa"/>
            <w:tcBorders>
              <w:left w:val="single" w:sz="4" w:space="0" w:color="auto"/>
            </w:tcBorders>
          </w:tcPr>
          <w:p w:rsidR="0026599B" w:rsidRPr="00A153C4" w:rsidRDefault="0026599B" w:rsidP="0026599B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отокол</w:t>
            </w:r>
          </w:p>
          <w:p w:rsidR="00BA3C6A" w:rsidRPr="00A153C4" w:rsidRDefault="0026599B" w:rsidP="0026599B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BA3C6A" w:rsidRPr="00A153C4" w:rsidTr="006259CC">
        <w:tc>
          <w:tcPr>
            <w:tcW w:w="493" w:type="dxa"/>
            <w:tcBorders>
              <w:right w:val="single" w:sz="4" w:space="0" w:color="auto"/>
            </w:tcBorders>
          </w:tcPr>
          <w:p w:rsidR="00BA3C6A" w:rsidRPr="00A153C4" w:rsidRDefault="00FE0346" w:rsidP="00BC6A2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3.</w:t>
            </w:r>
          </w:p>
        </w:tc>
        <w:tc>
          <w:tcPr>
            <w:tcW w:w="4554" w:type="dxa"/>
            <w:gridSpan w:val="2"/>
            <w:tcBorders>
              <w:left w:val="single" w:sz="4" w:space="0" w:color="auto"/>
              <w:right w:val="single" w:sz="4" w:space="0" w:color="auto"/>
            </w:tcBorders>
          </w:tcPr>
          <w:p w:rsidR="00BA3C6A" w:rsidRPr="00A153C4" w:rsidRDefault="00BA3C6A" w:rsidP="009A6098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Участие в Республиканском конкурсе художественного слова среди детей и молодежи «Новые имена» («Выль нимъяс»).</w:t>
            </w:r>
          </w:p>
        </w:tc>
        <w:tc>
          <w:tcPr>
            <w:tcW w:w="1440" w:type="dxa"/>
            <w:gridSpan w:val="2"/>
            <w:tcBorders>
              <w:left w:val="single" w:sz="4" w:space="0" w:color="auto"/>
              <w:right w:val="single" w:sz="4" w:space="0" w:color="auto"/>
            </w:tcBorders>
          </w:tcPr>
          <w:p w:rsidR="00BA3C6A" w:rsidRPr="00A153C4" w:rsidRDefault="00BA3C6A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ктябрь 201</w:t>
            </w:r>
            <w:r w:rsidR="000A0A20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985" w:type="dxa"/>
            <w:tcBorders>
              <w:left w:val="single" w:sz="4" w:space="0" w:color="auto"/>
              <w:right w:val="single" w:sz="4" w:space="0" w:color="auto"/>
            </w:tcBorders>
          </w:tcPr>
          <w:p w:rsidR="00BA3C6A" w:rsidRPr="00A153C4" w:rsidRDefault="00BA3C6A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еченицына О.М.</w:t>
            </w:r>
          </w:p>
        </w:tc>
        <w:tc>
          <w:tcPr>
            <w:tcW w:w="1702" w:type="dxa"/>
            <w:tcBorders>
              <w:left w:val="single" w:sz="4" w:space="0" w:color="auto"/>
            </w:tcBorders>
          </w:tcPr>
          <w:p w:rsidR="00BA3C6A" w:rsidRPr="00A153C4" w:rsidRDefault="00BA3C6A" w:rsidP="00BC6A24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BA3C6A" w:rsidRPr="00A153C4" w:rsidTr="006259CC">
        <w:tc>
          <w:tcPr>
            <w:tcW w:w="493" w:type="dxa"/>
            <w:tcBorders>
              <w:right w:val="single" w:sz="4" w:space="0" w:color="auto"/>
            </w:tcBorders>
          </w:tcPr>
          <w:p w:rsidR="00BA3C6A" w:rsidRPr="00A153C4" w:rsidRDefault="00FE0346" w:rsidP="00BC6A2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4.</w:t>
            </w:r>
          </w:p>
        </w:tc>
        <w:tc>
          <w:tcPr>
            <w:tcW w:w="4554" w:type="dxa"/>
            <w:gridSpan w:val="2"/>
            <w:tcBorders>
              <w:left w:val="single" w:sz="4" w:space="0" w:color="auto"/>
              <w:right w:val="single" w:sz="4" w:space="0" w:color="auto"/>
            </w:tcBorders>
          </w:tcPr>
          <w:p w:rsidR="00BA3C6A" w:rsidRPr="00A153C4" w:rsidRDefault="00BA3C6A" w:rsidP="006259CC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Участие на открытом Чемпионате и Первенстве РК по спортивному туризму, группа дисциплин «дистанция пешеходная», посвященных памяти Пушко В.Л.</w:t>
            </w:r>
          </w:p>
        </w:tc>
        <w:tc>
          <w:tcPr>
            <w:tcW w:w="1440" w:type="dxa"/>
            <w:gridSpan w:val="2"/>
            <w:tcBorders>
              <w:left w:val="single" w:sz="4" w:space="0" w:color="auto"/>
              <w:right w:val="single" w:sz="4" w:space="0" w:color="auto"/>
            </w:tcBorders>
          </w:tcPr>
          <w:p w:rsidR="00BA3C6A" w:rsidRPr="00A153C4" w:rsidRDefault="00BA3C6A" w:rsidP="0046472E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ктябрь 201</w:t>
            </w:r>
            <w:r w:rsidR="0046472E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985" w:type="dxa"/>
            <w:tcBorders>
              <w:left w:val="single" w:sz="4" w:space="0" w:color="auto"/>
              <w:right w:val="single" w:sz="4" w:space="0" w:color="auto"/>
            </w:tcBorders>
          </w:tcPr>
          <w:p w:rsidR="00BA3C6A" w:rsidRPr="00A153C4" w:rsidRDefault="00BA3C6A" w:rsidP="00BC6A24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итюшов В.Н.</w:t>
            </w:r>
          </w:p>
        </w:tc>
        <w:tc>
          <w:tcPr>
            <w:tcW w:w="1702" w:type="dxa"/>
            <w:tcBorders>
              <w:left w:val="single" w:sz="4" w:space="0" w:color="auto"/>
            </w:tcBorders>
          </w:tcPr>
          <w:p w:rsidR="00BA3C6A" w:rsidRPr="00A153C4" w:rsidRDefault="0026599B" w:rsidP="00BC6A24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отокол</w:t>
            </w:r>
          </w:p>
        </w:tc>
      </w:tr>
      <w:tr w:rsidR="00BA3C6A" w:rsidRPr="00A153C4" w:rsidTr="006259CC">
        <w:tc>
          <w:tcPr>
            <w:tcW w:w="534" w:type="dxa"/>
            <w:gridSpan w:val="2"/>
          </w:tcPr>
          <w:p w:rsidR="00BA3C6A" w:rsidRPr="00A153C4" w:rsidRDefault="00FE0346" w:rsidP="006601AC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5.</w:t>
            </w:r>
          </w:p>
        </w:tc>
        <w:tc>
          <w:tcPr>
            <w:tcW w:w="4536" w:type="dxa"/>
            <w:gridSpan w:val="2"/>
          </w:tcPr>
          <w:p w:rsidR="00BA3C6A" w:rsidRPr="00A153C4" w:rsidRDefault="00BA3C6A" w:rsidP="009D0679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учебно-исследовательской конференции «Я-исследователь, я открываю мир!»</w:t>
            </w:r>
          </w:p>
        </w:tc>
        <w:tc>
          <w:tcPr>
            <w:tcW w:w="1417" w:type="dxa"/>
          </w:tcPr>
          <w:p w:rsidR="00BA3C6A" w:rsidRPr="00A153C4" w:rsidRDefault="00BA3C6A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Ноябрь-декабрь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985" w:type="dxa"/>
          </w:tcPr>
          <w:p w:rsidR="00BA3C6A" w:rsidRPr="00A153C4" w:rsidRDefault="00FE0346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ДО</w:t>
            </w:r>
          </w:p>
        </w:tc>
        <w:tc>
          <w:tcPr>
            <w:tcW w:w="1702" w:type="dxa"/>
          </w:tcPr>
          <w:p w:rsidR="00BA3C6A" w:rsidRPr="00A153C4" w:rsidRDefault="00BA3C6A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BA3C6A" w:rsidRPr="00A153C4" w:rsidTr="006259CC">
        <w:tc>
          <w:tcPr>
            <w:tcW w:w="534" w:type="dxa"/>
            <w:gridSpan w:val="2"/>
          </w:tcPr>
          <w:p w:rsidR="00BA3C6A" w:rsidRPr="00A153C4" w:rsidRDefault="00FE0346" w:rsidP="006601AC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6.</w:t>
            </w:r>
          </w:p>
        </w:tc>
        <w:tc>
          <w:tcPr>
            <w:tcW w:w="4536" w:type="dxa"/>
            <w:gridSpan w:val="2"/>
          </w:tcPr>
          <w:p w:rsidR="00BA3C6A" w:rsidRPr="00A153C4" w:rsidRDefault="00BA3C6A" w:rsidP="006259C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Участие в Республиканском   детском литературном конкурсе на лучшее произведение о республике Коми «АРТпиян».</w:t>
            </w:r>
          </w:p>
        </w:tc>
        <w:tc>
          <w:tcPr>
            <w:tcW w:w="1417" w:type="dxa"/>
          </w:tcPr>
          <w:p w:rsidR="00BA3C6A" w:rsidRPr="00A153C4" w:rsidRDefault="00BA3C6A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Ноябрь 201</w:t>
            </w:r>
            <w:r w:rsidR="000A0A20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985" w:type="dxa"/>
          </w:tcPr>
          <w:p w:rsidR="00BA3C6A" w:rsidRPr="00A153C4" w:rsidRDefault="00BA3C6A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еченицына О.М.</w:t>
            </w:r>
          </w:p>
          <w:p w:rsidR="000A0A20" w:rsidRPr="00A153C4" w:rsidRDefault="000A0A20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именов Э.В.</w:t>
            </w:r>
          </w:p>
        </w:tc>
        <w:tc>
          <w:tcPr>
            <w:tcW w:w="1702" w:type="dxa"/>
          </w:tcPr>
          <w:p w:rsidR="00BA3C6A" w:rsidRPr="00A153C4" w:rsidRDefault="00BA3C6A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6601AC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357128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ервенство по рукопашному бою на приз президента Федерации рукопашного боя РК</w:t>
            </w:r>
          </w:p>
        </w:tc>
        <w:tc>
          <w:tcPr>
            <w:tcW w:w="1417" w:type="dxa"/>
          </w:tcPr>
          <w:p w:rsidR="0026599B" w:rsidRPr="00A153C4" w:rsidRDefault="00043EA5" w:rsidP="0035712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Октябрь </w:t>
            </w:r>
            <w:r w:rsidR="0026599B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201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985" w:type="dxa"/>
          </w:tcPr>
          <w:p w:rsidR="0026599B" w:rsidRPr="00A153C4" w:rsidRDefault="0026599B" w:rsidP="0035712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Кирушев К.М.</w:t>
            </w:r>
          </w:p>
        </w:tc>
        <w:tc>
          <w:tcPr>
            <w:tcW w:w="1702" w:type="dxa"/>
          </w:tcPr>
          <w:p w:rsidR="0026599B" w:rsidRPr="00A153C4" w:rsidRDefault="0026599B" w:rsidP="0035712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Протокол 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6601AC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6259CC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Участие в республиканском семинаре «Свой голос в СМИ».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екабрь 201</w:t>
            </w:r>
            <w:r w:rsidR="000A0A20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еченицына О.М.</w:t>
            </w:r>
          </w:p>
        </w:tc>
        <w:tc>
          <w:tcPr>
            <w:tcW w:w="1702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6601AC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9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357128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ервенство г.Сыктывкар по рукопашному бою.</w:t>
            </w:r>
          </w:p>
        </w:tc>
        <w:tc>
          <w:tcPr>
            <w:tcW w:w="1417" w:type="dxa"/>
          </w:tcPr>
          <w:p w:rsidR="0026599B" w:rsidRPr="00A153C4" w:rsidRDefault="0026599B" w:rsidP="0035712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Ноябрь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985" w:type="dxa"/>
          </w:tcPr>
          <w:p w:rsidR="0026599B" w:rsidRPr="00A153C4" w:rsidRDefault="0026599B" w:rsidP="0035712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Кирушев К.М.</w:t>
            </w:r>
          </w:p>
        </w:tc>
        <w:tc>
          <w:tcPr>
            <w:tcW w:w="1702" w:type="dxa"/>
          </w:tcPr>
          <w:p w:rsidR="0026599B" w:rsidRPr="00A153C4" w:rsidRDefault="0026599B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отокол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6601AC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10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C77943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Новогодний турнир по рукопашному бою.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екабрь-январь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Кирушев К.М.</w:t>
            </w:r>
          </w:p>
        </w:tc>
        <w:tc>
          <w:tcPr>
            <w:tcW w:w="1702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Протокол 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6601AC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11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096AA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конференции участников турист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ко-краеведческого движения «Отечество-Земля Коми».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Январь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ДО</w:t>
            </w:r>
          </w:p>
        </w:tc>
        <w:tc>
          <w:tcPr>
            <w:tcW w:w="1702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6601AC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12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096AA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Участие в Открытом Чемпионате и Первенстве ГАУ ДО РК «РЦДЮСиТ»  по спортивному туризму, группа дисциплин 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lastRenderedPageBreak/>
              <w:t>– лыжная.</w:t>
            </w:r>
          </w:p>
        </w:tc>
        <w:tc>
          <w:tcPr>
            <w:tcW w:w="1417" w:type="dxa"/>
          </w:tcPr>
          <w:p w:rsidR="0026599B" w:rsidRPr="00A153C4" w:rsidRDefault="0026599B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lastRenderedPageBreak/>
              <w:t>Январь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A153C4" w:rsidRDefault="0026599B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итюшов В.Н.</w:t>
            </w:r>
          </w:p>
        </w:tc>
        <w:tc>
          <w:tcPr>
            <w:tcW w:w="1702" w:type="dxa"/>
          </w:tcPr>
          <w:p w:rsidR="0026599B" w:rsidRPr="00A153C4" w:rsidRDefault="0026599B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  <w:p w:rsidR="0026599B" w:rsidRPr="00A153C4" w:rsidRDefault="0026599B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отокол</w:t>
            </w:r>
          </w:p>
          <w:p w:rsidR="0026599B" w:rsidRPr="00A153C4" w:rsidRDefault="0026599B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6601AC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lastRenderedPageBreak/>
              <w:t>13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9D0679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республиканском конкурсе детского творчества «Зеркало природы»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Январь-май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ишарина О.И.</w:t>
            </w:r>
          </w:p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ихайлова Е.И.</w:t>
            </w:r>
          </w:p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Габова Т.В.</w:t>
            </w:r>
          </w:p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опов С.Г.</w:t>
            </w:r>
          </w:p>
        </w:tc>
        <w:tc>
          <w:tcPr>
            <w:tcW w:w="1702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D02CF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5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9D0679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республиканском конкурсе хореографического искусства «Зимушка-зима».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Февраль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Агеева В.В.</w:t>
            </w:r>
          </w:p>
        </w:tc>
        <w:tc>
          <w:tcPr>
            <w:tcW w:w="1702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D02CF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6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9D0679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республиканском конкурсе изобразительного и декоративно-прикладного творчества «Разноцветный детский мир».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Февраль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A153C4" w:rsidRDefault="00FE0346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ДО</w:t>
            </w:r>
          </w:p>
        </w:tc>
        <w:tc>
          <w:tcPr>
            <w:tcW w:w="1702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D02CF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7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C77943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Чемпионат и Первенство РК по рукопашному бою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Февраль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A153C4" w:rsidRDefault="0026599B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Кирушев К.М.</w:t>
            </w:r>
          </w:p>
        </w:tc>
        <w:tc>
          <w:tcPr>
            <w:tcW w:w="1702" w:type="dxa"/>
          </w:tcPr>
          <w:p w:rsidR="0026599B" w:rsidRPr="00A153C4" w:rsidRDefault="0026599B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Протокол 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D02CF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8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4C5A89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республиканском фестивале «Республика Коми: природа, культура, этнос».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Февраль-май 2017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Борискина Т.А</w:t>
            </w:r>
          </w:p>
        </w:tc>
        <w:tc>
          <w:tcPr>
            <w:tcW w:w="1702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D02CF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9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3F7AE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Открытом Чемпионате и Первенстве РК по спортивному туризму, группа дисциплин «дистанция-лыжная».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арт</w:t>
            </w:r>
          </w:p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Габов М.Н.</w:t>
            </w:r>
          </w:p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итюшов В.Н.</w:t>
            </w:r>
          </w:p>
        </w:tc>
        <w:tc>
          <w:tcPr>
            <w:tcW w:w="1702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отокол</w:t>
            </w:r>
          </w:p>
        </w:tc>
      </w:tr>
      <w:tr w:rsidR="001B5497" w:rsidRPr="00A153C4" w:rsidTr="006259CC">
        <w:tc>
          <w:tcPr>
            <w:tcW w:w="534" w:type="dxa"/>
            <w:gridSpan w:val="2"/>
          </w:tcPr>
          <w:p w:rsidR="001B5497" w:rsidRPr="00A153C4" w:rsidRDefault="001B5497" w:rsidP="00D02CFB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536" w:type="dxa"/>
            <w:gridSpan w:val="2"/>
          </w:tcPr>
          <w:p w:rsidR="001B5497" w:rsidRPr="00A153C4" w:rsidRDefault="001B5497" w:rsidP="007153A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Участие в республиканской конференции по публикациям в журнале «Арт»</w:t>
            </w:r>
          </w:p>
        </w:tc>
        <w:tc>
          <w:tcPr>
            <w:tcW w:w="1417" w:type="dxa"/>
          </w:tcPr>
          <w:p w:rsidR="001B5497" w:rsidRPr="00A153C4" w:rsidRDefault="001B5497" w:rsidP="007153A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Апрель 2018</w:t>
            </w:r>
          </w:p>
        </w:tc>
        <w:tc>
          <w:tcPr>
            <w:tcW w:w="1985" w:type="dxa"/>
          </w:tcPr>
          <w:p w:rsidR="001B5497" w:rsidRPr="00A153C4" w:rsidRDefault="001B5497" w:rsidP="007153A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еченицына О.М.</w:t>
            </w:r>
          </w:p>
        </w:tc>
        <w:tc>
          <w:tcPr>
            <w:tcW w:w="1702" w:type="dxa"/>
          </w:tcPr>
          <w:p w:rsidR="001B5497" w:rsidRPr="00A153C4" w:rsidRDefault="001B5497" w:rsidP="007153A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  <w:highlight w:val="yellow"/>
              </w:rPr>
            </w:pP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D02CF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1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6601AC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республиканском конкурсе театральных коллективов «Пестрые подмостки»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Апрель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анюкова Г.И.</w:t>
            </w:r>
          </w:p>
          <w:p w:rsidR="00043EA5" w:rsidRPr="00A153C4" w:rsidRDefault="00043EA5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Казакова Л.А.</w:t>
            </w:r>
          </w:p>
        </w:tc>
        <w:tc>
          <w:tcPr>
            <w:tcW w:w="1702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D02CF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2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C77943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Турнир по рукопашному бою, посвященный Дню Победы.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ай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Кирушев К.М.</w:t>
            </w:r>
          </w:p>
        </w:tc>
        <w:tc>
          <w:tcPr>
            <w:tcW w:w="1702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отокол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D02CF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3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C77943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открытом Чемпионате и Первенстве Республики Коми по спортивному туризму.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ай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Габов М.Н.</w:t>
            </w:r>
          </w:p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итюшов В.Н.</w:t>
            </w:r>
          </w:p>
        </w:tc>
        <w:tc>
          <w:tcPr>
            <w:tcW w:w="1702" w:type="dxa"/>
          </w:tcPr>
          <w:p w:rsidR="0026599B" w:rsidRPr="00A153C4" w:rsidRDefault="0026599B" w:rsidP="003F7AE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  <w:p w:rsidR="0026599B" w:rsidRPr="00A153C4" w:rsidRDefault="0026599B" w:rsidP="003F7A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отокол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D02CF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4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C77943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соревнованиях по спортивному туризму на пешеходных дистанциях «Весенний призыв – 2017»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ай 201</w:t>
            </w:r>
            <w:r w:rsidR="00043EA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итюшов В.Н.</w:t>
            </w:r>
          </w:p>
        </w:tc>
        <w:tc>
          <w:tcPr>
            <w:tcW w:w="1702" w:type="dxa"/>
          </w:tcPr>
          <w:p w:rsidR="0026599B" w:rsidRPr="00A153C4" w:rsidRDefault="0026599B" w:rsidP="003F7AE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  <w:p w:rsidR="0026599B" w:rsidRPr="00A153C4" w:rsidRDefault="0026599B" w:rsidP="003F7A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отокол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FE0346" w:rsidP="0043425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43425B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4536" w:type="dxa"/>
            <w:gridSpan w:val="2"/>
          </w:tcPr>
          <w:p w:rsidR="0026599B" w:rsidRPr="0095222D" w:rsidRDefault="0026599B" w:rsidP="009322D2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95222D">
              <w:rPr>
                <w:rFonts w:ascii="Times New Roman" w:hAnsi="Times New Roman" w:cs="Times New Roman"/>
                <w:bCs/>
                <w:sz w:val="24"/>
                <w:szCs w:val="24"/>
              </w:rPr>
              <w:t>Участие в Республиканском слете юных туристов, посвященных памяти И.А.Фотиева.</w:t>
            </w:r>
          </w:p>
        </w:tc>
        <w:tc>
          <w:tcPr>
            <w:tcW w:w="1417" w:type="dxa"/>
          </w:tcPr>
          <w:p w:rsidR="0026599B" w:rsidRPr="0095222D" w:rsidRDefault="0026599B" w:rsidP="0095222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95222D">
              <w:rPr>
                <w:rFonts w:ascii="Times New Roman" w:hAnsi="Times New Roman" w:cs="Times New Roman"/>
                <w:bCs/>
                <w:sz w:val="24"/>
                <w:szCs w:val="24"/>
              </w:rPr>
              <w:t>Июнь 201</w:t>
            </w:r>
            <w:r w:rsidR="0095222D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26599B" w:rsidRPr="0095222D" w:rsidRDefault="0026599B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95222D">
              <w:rPr>
                <w:rFonts w:ascii="Times New Roman" w:hAnsi="Times New Roman" w:cs="Times New Roman"/>
                <w:bCs/>
                <w:sz w:val="24"/>
                <w:szCs w:val="24"/>
              </w:rPr>
              <w:t>Митюшов В.Н.</w:t>
            </w:r>
          </w:p>
          <w:p w:rsidR="0026599B" w:rsidRPr="0095222D" w:rsidRDefault="0026599B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1702" w:type="dxa"/>
          </w:tcPr>
          <w:p w:rsidR="0026599B" w:rsidRPr="0095222D" w:rsidRDefault="0026599B" w:rsidP="003F7AE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95222D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  <w:p w:rsidR="0026599B" w:rsidRPr="0095222D" w:rsidRDefault="0026599B" w:rsidP="003F7AE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95222D">
              <w:rPr>
                <w:rFonts w:ascii="Times New Roman" w:hAnsi="Times New Roman" w:cs="Times New Roman"/>
                <w:bCs/>
                <w:sz w:val="24"/>
                <w:szCs w:val="24"/>
              </w:rPr>
              <w:t>Протокол</w:t>
            </w:r>
          </w:p>
        </w:tc>
      </w:tr>
      <w:tr w:rsidR="0043425B" w:rsidRPr="00A153C4" w:rsidTr="00371934">
        <w:tc>
          <w:tcPr>
            <w:tcW w:w="10174" w:type="dxa"/>
            <w:gridSpan w:val="7"/>
          </w:tcPr>
          <w:p w:rsidR="0043425B" w:rsidRPr="00A153C4" w:rsidRDefault="0043425B" w:rsidP="003F7AE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  <w:highlight w:val="yellow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Межрайонные мероприятия</w:t>
            </w:r>
          </w:p>
        </w:tc>
      </w:tr>
      <w:tr w:rsidR="001B5497" w:rsidRPr="00A153C4" w:rsidTr="006259CC">
        <w:tc>
          <w:tcPr>
            <w:tcW w:w="534" w:type="dxa"/>
            <w:gridSpan w:val="2"/>
          </w:tcPr>
          <w:p w:rsidR="001B5497" w:rsidRPr="00A153C4" w:rsidRDefault="0043425B" w:rsidP="00D02CF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4536" w:type="dxa"/>
            <w:gridSpan w:val="2"/>
          </w:tcPr>
          <w:p w:rsidR="001B5497" w:rsidRPr="00A153C4" w:rsidRDefault="001B5497" w:rsidP="001B5497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лёт-семинар детей, пишущих на коми языке «Олам Комиын – гижам комиӧн»</w:t>
            </w:r>
          </w:p>
          <w:p w:rsidR="001B5497" w:rsidRPr="00A153C4" w:rsidRDefault="001B5497" w:rsidP="009322D2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1417" w:type="dxa"/>
          </w:tcPr>
          <w:p w:rsidR="001B5497" w:rsidRPr="00A153C4" w:rsidRDefault="001B5497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Март 2018 </w:t>
            </w:r>
          </w:p>
        </w:tc>
        <w:tc>
          <w:tcPr>
            <w:tcW w:w="1985" w:type="dxa"/>
          </w:tcPr>
          <w:p w:rsidR="001B5497" w:rsidRPr="00A153C4" w:rsidRDefault="001B5497" w:rsidP="009A6098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еченицына О.М.</w:t>
            </w:r>
          </w:p>
        </w:tc>
        <w:tc>
          <w:tcPr>
            <w:tcW w:w="1702" w:type="dxa"/>
          </w:tcPr>
          <w:p w:rsidR="001B5497" w:rsidRPr="00A153C4" w:rsidRDefault="001B5497" w:rsidP="003F7AE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  <w:highlight w:val="yellow"/>
              </w:rPr>
            </w:pPr>
          </w:p>
        </w:tc>
      </w:tr>
      <w:tr w:rsidR="0026599B" w:rsidRPr="00A153C4" w:rsidTr="006259CC">
        <w:trPr>
          <w:trHeight w:val="469"/>
        </w:trPr>
        <w:tc>
          <w:tcPr>
            <w:tcW w:w="10174" w:type="dxa"/>
            <w:gridSpan w:val="7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Районные мероприятия</w:t>
            </w:r>
          </w:p>
        </w:tc>
      </w:tr>
      <w:tr w:rsidR="0026599B" w:rsidRPr="00A153C4" w:rsidTr="006259CC">
        <w:tc>
          <w:tcPr>
            <w:tcW w:w="534" w:type="dxa"/>
            <w:gridSpan w:val="2"/>
          </w:tcPr>
          <w:p w:rsidR="0026599B" w:rsidRPr="00A153C4" w:rsidRDefault="0043425B" w:rsidP="006601AC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1.</w:t>
            </w:r>
          </w:p>
        </w:tc>
        <w:tc>
          <w:tcPr>
            <w:tcW w:w="4536" w:type="dxa"/>
            <w:gridSpan w:val="2"/>
          </w:tcPr>
          <w:p w:rsidR="0026599B" w:rsidRPr="00A153C4" w:rsidRDefault="0026599B" w:rsidP="00D02CFB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ебно-исследовательская конференция «Я-исследователь, я открываю мир!»</w:t>
            </w:r>
          </w:p>
        </w:tc>
        <w:tc>
          <w:tcPr>
            <w:tcW w:w="1417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ктябрь 201</w:t>
            </w:r>
            <w:r w:rsidR="000A0A20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985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Борискина Т.А.</w:t>
            </w:r>
          </w:p>
        </w:tc>
        <w:tc>
          <w:tcPr>
            <w:tcW w:w="1702" w:type="dxa"/>
          </w:tcPr>
          <w:p w:rsidR="0026599B" w:rsidRPr="00A153C4" w:rsidRDefault="0026599B" w:rsidP="009D0679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0A0A20" w:rsidRPr="00A153C4" w:rsidTr="006259CC">
        <w:tc>
          <w:tcPr>
            <w:tcW w:w="534" w:type="dxa"/>
            <w:gridSpan w:val="2"/>
          </w:tcPr>
          <w:p w:rsidR="000A0A20" w:rsidRPr="00A153C4" w:rsidRDefault="0043425B" w:rsidP="000A0A20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2.</w:t>
            </w:r>
          </w:p>
        </w:tc>
        <w:tc>
          <w:tcPr>
            <w:tcW w:w="4536" w:type="dxa"/>
            <w:gridSpan w:val="2"/>
          </w:tcPr>
          <w:p w:rsidR="000A0A20" w:rsidRPr="00A153C4" w:rsidRDefault="000A0A20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ечер памяти поэта, учителя, наставника Шиликовой З.В.</w:t>
            </w:r>
          </w:p>
          <w:p w:rsidR="000A0A20" w:rsidRPr="00A153C4" w:rsidRDefault="000A0A20" w:rsidP="000A0A20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  <w:highlight w:val="yellow"/>
              </w:rPr>
            </w:pPr>
          </w:p>
        </w:tc>
        <w:tc>
          <w:tcPr>
            <w:tcW w:w="1417" w:type="dxa"/>
          </w:tcPr>
          <w:p w:rsidR="000A0A20" w:rsidRPr="00A153C4" w:rsidRDefault="000A0A20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  <w:highlight w:val="yellow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Ноябрь 2017</w:t>
            </w:r>
          </w:p>
        </w:tc>
        <w:tc>
          <w:tcPr>
            <w:tcW w:w="1985" w:type="dxa"/>
          </w:tcPr>
          <w:p w:rsidR="000A0A20" w:rsidRPr="00A153C4" w:rsidRDefault="000A0A20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еченицына О.М.</w:t>
            </w:r>
          </w:p>
        </w:tc>
        <w:tc>
          <w:tcPr>
            <w:tcW w:w="1702" w:type="dxa"/>
          </w:tcPr>
          <w:p w:rsidR="000A0A20" w:rsidRPr="00A153C4" w:rsidRDefault="000A0A20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0A0A20" w:rsidRPr="00A153C4" w:rsidTr="006259CC">
        <w:tc>
          <w:tcPr>
            <w:tcW w:w="534" w:type="dxa"/>
            <w:gridSpan w:val="2"/>
          </w:tcPr>
          <w:p w:rsidR="000A0A20" w:rsidRPr="0043425B" w:rsidRDefault="000A0A20" w:rsidP="0043425B">
            <w:pPr>
              <w:pStyle w:val="af0"/>
              <w:numPr>
                <w:ilvl w:val="0"/>
                <w:numId w:val="36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536" w:type="dxa"/>
            <w:gridSpan w:val="2"/>
          </w:tcPr>
          <w:p w:rsidR="000A0A20" w:rsidRPr="00A153C4" w:rsidRDefault="000A0A20" w:rsidP="000A0A20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авинские чтения</w:t>
            </w:r>
          </w:p>
        </w:tc>
        <w:tc>
          <w:tcPr>
            <w:tcW w:w="1417" w:type="dxa"/>
          </w:tcPr>
          <w:p w:rsidR="0003701D" w:rsidRDefault="0003701D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Декабрь</w:t>
            </w:r>
          </w:p>
          <w:p w:rsidR="000A0A20" w:rsidRPr="00A153C4" w:rsidRDefault="000A0A20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  <w:highlight w:val="yellow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2017</w:t>
            </w:r>
          </w:p>
        </w:tc>
        <w:tc>
          <w:tcPr>
            <w:tcW w:w="1985" w:type="dxa"/>
          </w:tcPr>
          <w:p w:rsidR="000A0A20" w:rsidRPr="00A153C4" w:rsidRDefault="000A0A20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еченицына О.М.</w:t>
            </w:r>
          </w:p>
        </w:tc>
        <w:tc>
          <w:tcPr>
            <w:tcW w:w="1702" w:type="dxa"/>
          </w:tcPr>
          <w:p w:rsidR="000A0A20" w:rsidRPr="00A153C4" w:rsidRDefault="000A0A20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0A0A20" w:rsidRPr="00A153C4" w:rsidTr="006259CC">
        <w:tc>
          <w:tcPr>
            <w:tcW w:w="534" w:type="dxa"/>
            <w:gridSpan w:val="2"/>
          </w:tcPr>
          <w:p w:rsidR="000A0A20" w:rsidRPr="00A153C4" w:rsidRDefault="0043425B" w:rsidP="000A0A20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5.</w:t>
            </w:r>
          </w:p>
        </w:tc>
        <w:tc>
          <w:tcPr>
            <w:tcW w:w="4536" w:type="dxa"/>
            <w:gridSpan w:val="2"/>
          </w:tcPr>
          <w:p w:rsidR="000A0A20" w:rsidRPr="0043425B" w:rsidRDefault="000A0A20" w:rsidP="000A0A2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</w:t>
            </w:r>
            <w:r w:rsidRPr="0043425B">
              <w:rPr>
                <w:rFonts w:ascii="Times New Roman" w:hAnsi="Times New Roman" w:cs="Times New Roman"/>
                <w:bCs/>
                <w:sz w:val="24"/>
                <w:szCs w:val="24"/>
              </w:rPr>
              <w:t>Эко фестиваля «Году охраны окружающей среды».</w:t>
            </w:r>
          </w:p>
        </w:tc>
        <w:tc>
          <w:tcPr>
            <w:tcW w:w="1417" w:type="dxa"/>
          </w:tcPr>
          <w:p w:rsidR="000A0A20" w:rsidRPr="0043425B" w:rsidRDefault="000A0A20" w:rsidP="0043425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sz w:val="24"/>
                <w:szCs w:val="24"/>
              </w:rPr>
              <w:t>Декабрь 201</w:t>
            </w:r>
            <w:r w:rsidR="0043425B" w:rsidRPr="0043425B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985" w:type="dxa"/>
          </w:tcPr>
          <w:p w:rsidR="000A0A20" w:rsidRPr="0043425B" w:rsidRDefault="000A0A20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sz w:val="24"/>
                <w:szCs w:val="24"/>
              </w:rPr>
              <w:t>Борискина Т. А.</w:t>
            </w:r>
          </w:p>
          <w:p w:rsidR="000A0A20" w:rsidRPr="0043425B" w:rsidRDefault="000A0A20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2" w:type="dxa"/>
          </w:tcPr>
          <w:p w:rsidR="000A0A20" w:rsidRPr="00A153C4" w:rsidRDefault="000A0A20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43425B" w:rsidRPr="00A153C4" w:rsidTr="006259CC">
        <w:tc>
          <w:tcPr>
            <w:tcW w:w="534" w:type="dxa"/>
            <w:gridSpan w:val="2"/>
          </w:tcPr>
          <w:p w:rsidR="0043425B" w:rsidRPr="00A153C4" w:rsidRDefault="0043425B" w:rsidP="00B65C5F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6.</w:t>
            </w:r>
          </w:p>
        </w:tc>
        <w:tc>
          <w:tcPr>
            <w:tcW w:w="4536" w:type="dxa"/>
            <w:gridSpan w:val="2"/>
          </w:tcPr>
          <w:p w:rsidR="0043425B" w:rsidRPr="00A153C4" w:rsidRDefault="0043425B" w:rsidP="000A0A20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 Конференция участников туристко-краеведческого движения «Отечество-Земля Коми».</w:t>
            </w:r>
          </w:p>
        </w:tc>
        <w:tc>
          <w:tcPr>
            <w:tcW w:w="1417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Ноябрь  2017</w:t>
            </w:r>
          </w:p>
        </w:tc>
        <w:tc>
          <w:tcPr>
            <w:tcW w:w="1985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Борискина Т.А.</w:t>
            </w:r>
          </w:p>
        </w:tc>
        <w:tc>
          <w:tcPr>
            <w:tcW w:w="1702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43425B" w:rsidRPr="00A153C4" w:rsidTr="006259CC">
        <w:tc>
          <w:tcPr>
            <w:tcW w:w="534" w:type="dxa"/>
            <w:gridSpan w:val="2"/>
          </w:tcPr>
          <w:p w:rsidR="0043425B" w:rsidRPr="00A153C4" w:rsidRDefault="0043425B" w:rsidP="00B65C5F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lastRenderedPageBreak/>
              <w:t>7.</w:t>
            </w:r>
          </w:p>
        </w:tc>
        <w:tc>
          <w:tcPr>
            <w:tcW w:w="4536" w:type="dxa"/>
            <w:gridSpan w:val="2"/>
          </w:tcPr>
          <w:p w:rsidR="0043425B" w:rsidRPr="0043425B" w:rsidRDefault="0043425B" w:rsidP="000A0A20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bCs/>
                <w:sz w:val="24"/>
                <w:szCs w:val="24"/>
              </w:rPr>
              <w:t>Дни заповедников и национальных парков.</w:t>
            </w:r>
          </w:p>
        </w:tc>
        <w:tc>
          <w:tcPr>
            <w:tcW w:w="1417" w:type="dxa"/>
          </w:tcPr>
          <w:p w:rsidR="0043425B" w:rsidRPr="0043425B" w:rsidRDefault="0043425B" w:rsidP="0043425B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bCs/>
                <w:sz w:val="24"/>
                <w:szCs w:val="24"/>
              </w:rPr>
              <w:t>Январь-февраль 2017</w:t>
            </w:r>
          </w:p>
        </w:tc>
        <w:tc>
          <w:tcPr>
            <w:tcW w:w="1985" w:type="dxa"/>
          </w:tcPr>
          <w:p w:rsidR="0043425B" w:rsidRPr="0043425B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bCs/>
                <w:sz w:val="24"/>
                <w:szCs w:val="24"/>
              </w:rPr>
              <w:t>Борискина Т.А.</w:t>
            </w:r>
          </w:p>
        </w:tc>
        <w:tc>
          <w:tcPr>
            <w:tcW w:w="1702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43425B" w:rsidRPr="00A153C4" w:rsidTr="006259CC">
        <w:tc>
          <w:tcPr>
            <w:tcW w:w="534" w:type="dxa"/>
            <w:gridSpan w:val="2"/>
          </w:tcPr>
          <w:p w:rsidR="0043425B" w:rsidRPr="00A153C4" w:rsidRDefault="0043425B" w:rsidP="00B65C5F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.</w:t>
            </w:r>
          </w:p>
        </w:tc>
        <w:tc>
          <w:tcPr>
            <w:tcW w:w="4536" w:type="dxa"/>
            <w:gridSpan w:val="2"/>
          </w:tcPr>
          <w:p w:rsidR="0043425B" w:rsidRPr="00A153C4" w:rsidRDefault="0043425B" w:rsidP="000A0A20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ыставка работ, посвященная Дню защитников Отечества.</w:t>
            </w:r>
          </w:p>
        </w:tc>
        <w:tc>
          <w:tcPr>
            <w:tcW w:w="1417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Февраль 2017</w:t>
            </w:r>
          </w:p>
        </w:tc>
        <w:tc>
          <w:tcPr>
            <w:tcW w:w="1985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Кирушев К.М.</w:t>
            </w:r>
          </w:p>
        </w:tc>
        <w:tc>
          <w:tcPr>
            <w:tcW w:w="1702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43425B" w:rsidRPr="00A153C4" w:rsidTr="006259CC">
        <w:tc>
          <w:tcPr>
            <w:tcW w:w="534" w:type="dxa"/>
            <w:gridSpan w:val="2"/>
          </w:tcPr>
          <w:p w:rsidR="0043425B" w:rsidRPr="00A153C4" w:rsidRDefault="0043425B" w:rsidP="00B65C5F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9.</w:t>
            </w:r>
          </w:p>
        </w:tc>
        <w:tc>
          <w:tcPr>
            <w:tcW w:w="4536" w:type="dxa"/>
            <w:gridSpan w:val="2"/>
          </w:tcPr>
          <w:p w:rsidR="0043425B" w:rsidRPr="0043425B" w:rsidRDefault="0043425B" w:rsidP="000A0A20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sz w:val="24"/>
                <w:szCs w:val="24"/>
              </w:rPr>
              <w:t>Межрайонный слёт-семинар для детей, пишущих на коми языке «Олам Комиын – гижам коми</w:t>
            </w:r>
            <w:r w:rsidRPr="0043425B">
              <w:rPr>
                <w:rFonts w:ascii="Times New Roman" w:eastAsia="MS Mincho" w:hAnsi="Times New Roman" w:cs="Times New Roman"/>
                <w:sz w:val="24"/>
                <w:szCs w:val="24"/>
              </w:rPr>
              <w:t>ӧ</w:t>
            </w:r>
            <w:r w:rsidRPr="0043425B">
              <w:rPr>
                <w:rFonts w:ascii="Times New Roman" w:hAnsi="Times New Roman" w:cs="Times New Roman"/>
                <w:sz w:val="24"/>
                <w:szCs w:val="24"/>
              </w:rPr>
              <w:t>н».</w:t>
            </w:r>
          </w:p>
        </w:tc>
        <w:tc>
          <w:tcPr>
            <w:tcW w:w="1417" w:type="dxa"/>
          </w:tcPr>
          <w:p w:rsidR="0043425B" w:rsidRPr="0043425B" w:rsidRDefault="0043425B" w:rsidP="0043425B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bCs/>
                <w:sz w:val="24"/>
                <w:szCs w:val="24"/>
              </w:rPr>
              <w:t>Март 201</w:t>
            </w: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43425B" w:rsidRPr="0043425B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bCs/>
                <w:sz w:val="24"/>
                <w:szCs w:val="24"/>
              </w:rPr>
              <w:t>Печеницына О.М.</w:t>
            </w:r>
          </w:p>
        </w:tc>
        <w:tc>
          <w:tcPr>
            <w:tcW w:w="1702" w:type="dxa"/>
          </w:tcPr>
          <w:p w:rsidR="0043425B" w:rsidRPr="0043425B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43425B" w:rsidRPr="00A153C4" w:rsidTr="006259CC">
        <w:tc>
          <w:tcPr>
            <w:tcW w:w="534" w:type="dxa"/>
            <w:gridSpan w:val="2"/>
          </w:tcPr>
          <w:p w:rsidR="0043425B" w:rsidRPr="00A153C4" w:rsidRDefault="0043425B" w:rsidP="00B65C5F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10.</w:t>
            </w:r>
          </w:p>
        </w:tc>
        <w:tc>
          <w:tcPr>
            <w:tcW w:w="4536" w:type="dxa"/>
            <w:gridSpan w:val="2"/>
          </w:tcPr>
          <w:p w:rsidR="0043425B" w:rsidRPr="0043425B" w:rsidRDefault="0043425B" w:rsidP="000A0A2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sz w:val="24"/>
                <w:szCs w:val="24"/>
              </w:rPr>
              <w:t>Районные соревнования по рукопашному бою (среди новичков).</w:t>
            </w:r>
          </w:p>
        </w:tc>
        <w:tc>
          <w:tcPr>
            <w:tcW w:w="1417" w:type="dxa"/>
          </w:tcPr>
          <w:p w:rsidR="0043425B" w:rsidRPr="0043425B" w:rsidRDefault="0043425B" w:rsidP="0043425B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bCs/>
                <w:sz w:val="24"/>
                <w:szCs w:val="24"/>
              </w:rPr>
              <w:t>Апрель 201</w:t>
            </w: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985" w:type="dxa"/>
          </w:tcPr>
          <w:p w:rsidR="0043425B" w:rsidRPr="0043425B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bCs/>
                <w:sz w:val="24"/>
                <w:szCs w:val="24"/>
              </w:rPr>
              <w:t>Кирушев К.М.</w:t>
            </w:r>
          </w:p>
        </w:tc>
        <w:tc>
          <w:tcPr>
            <w:tcW w:w="1702" w:type="dxa"/>
          </w:tcPr>
          <w:p w:rsidR="0043425B" w:rsidRPr="0043425B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43425B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Протокол </w:t>
            </w:r>
          </w:p>
        </w:tc>
      </w:tr>
      <w:tr w:rsidR="0043425B" w:rsidRPr="00A153C4" w:rsidTr="006259CC">
        <w:tc>
          <w:tcPr>
            <w:tcW w:w="534" w:type="dxa"/>
            <w:gridSpan w:val="2"/>
          </w:tcPr>
          <w:p w:rsidR="0043425B" w:rsidRPr="00A153C4" w:rsidRDefault="0043425B" w:rsidP="00B65C5F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11.</w:t>
            </w:r>
          </w:p>
        </w:tc>
        <w:tc>
          <w:tcPr>
            <w:tcW w:w="4536" w:type="dxa"/>
            <w:gridSpan w:val="2"/>
          </w:tcPr>
          <w:p w:rsidR="0043425B" w:rsidRPr="0003701D" w:rsidRDefault="0043425B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3701D">
              <w:rPr>
                <w:rFonts w:ascii="Times New Roman" w:hAnsi="Times New Roman" w:cs="Times New Roman"/>
                <w:sz w:val="24"/>
                <w:szCs w:val="24"/>
              </w:rPr>
              <w:t>Участие в республиканской конференции по публикациям в журнале «Арт»</w:t>
            </w:r>
          </w:p>
        </w:tc>
        <w:tc>
          <w:tcPr>
            <w:tcW w:w="1417" w:type="dxa"/>
          </w:tcPr>
          <w:p w:rsidR="0043425B" w:rsidRPr="0003701D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03701D">
              <w:rPr>
                <w:rFonts w:ascii="Times New Roman" w:hAnsi="Times New Roman" w:cs="Times New Roman"/>
                <w:bCs/>
                <w:sz w:val="24"/>
                <w:szCs w:val="24"/>
              </w:rPr>
              <w:t>Апрель 2018</w:t>
            </w:r>
          </w:p>
        </w:tc>
        <w:tc>
          <w:tcPr>
            <w:tcW w:w="1985" w:type="dxa"/>
          </w:tcPr>
          <w:p w:rsidR="0043425B" w:rsidRPr="0003701D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03701D">
              <w:rPr>
                <w:rFonts w:ascii="Times New Roman" w:hAnsi="Times New Roman" w:cs="Times New Roman"/>
                <w:bCs/>
                <w:sz w:val="24"/>
                <w:szCs w:val="24"/>
              </w:rPr>
              <w:t>Печеницына О.М.</w:t>
            </w:r>
          </w:p>
        </w:tc>
        <w:tc>
          <w:tcPr>
            <w:tcW w:w="1702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  <w:highlight w:val="yellow"/>
              </w:rPr>
            </w:pPr>
          </w:p>
        </w:tc>
      </w:tr>
      <w:tr w:rsidR="0043425B" w:rsidRPr="00A153C4" w:rsidTr="006259CC">
        <w:tc>
          <w:tcPr>
            <w:tcW w:w="534" w:type="dxa"/>
            <w:gridSpan w:val="2"/>
          </w:tcPr>
          <w:p w:rsidR="0043425B" w:rsidRPr="00A153C4" w:rsidRDefault="0043425B" w:rsidP="00B65C5F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12.</w:t>
            </w:r>
          </w:p>
        </w:tc>
        <w:tc>
          <w:tcPr>
            <w:tcW w:w="4536" w:type="dxa"/>
            <w:gridSpan w:val="2"/>
          </w:tcPr>
          <w:p w:rsidR="0043425B" w:rsidRPr="00A153C4" w:rsidRDefault="0043425B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Творческий отчет</w:t>
            </w:r>
          </w:p>
        </w:tc>
        <w:tc>
          <w:tcPr>
            <w:tcW w:w="1417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Апрель 2018</w:t>
            </w:r>
          </w:p>
        </w:tc>
        <w:tc>
          <w:tcPr>
            <w:tcW w:w="1985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Казакова Л.А.</w:t>
            </w:r>
          </w:p>
        </w:tc>
        <w:tc>
          <w:tcPr>
            <w:tcW w:w="1702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43425B" w:rsidRPr="00A153C4" w:rsidTr="006259CC">
        <w:tc>
          <w:tcPr>
            <w:tcW w:w="534" w:type="dxa"/>
            <w:gridSpan w:val="2"/>
          </w:tcPr>
          <w:p w:rsidR="0043425B" w:rsidRPr="00A153C4" w:rsidRDefault="0043425B" w:rsidP="00B65C5F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13.</w:t>
            </w:r>
          </w:p>
        </w:tc>
        <w:tc>
          <w:tcPr>
            <w:tcW w:w="4536" w:type="dxa"/>
            <w:gridSpan w:val="2"/>
          </w:tcPr>
          <w:p w:rsidR="0043425B" w:rsidRPr="00A153C4" w:rsidRDefault="0043425B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Экологический слет</w:t>
            </w:r>
          </w:p>
        </w:tc>
        <w:tc>
          <w:tcPr>
            <w:tcW w:w="1417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Май 2018</w:t>
            </w:r>
          </w:p>
        </w:tc>
        <w:tc>
          <w:tcPr>
            <w:tcW w:w="1985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Борискина Т.А.</w:t>
            </w:r>
          </w:p>
        </w:tc>
        <w:tc>
          <w:tcPr>
            <w:tcW w:w="1702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  <w:tr w:rsidR="0043425B" w:rsidRPr="00A153C4" w:rsidTr="006259CC">
        <w:tc>
          <w:tcPr>
            <w:tcW w:w="534" w:type="dxa"/>
            <w:gridSpan w:val="2"/>
          </w:tcPr>
          <w:p w:rsidR="0043425B" w:rsidRPr="00A153C4" w:rsidRDefault="0043425B" w:rsidP="00B65C5F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14.</w:t>
            </w:r>
          </w:p>
        </w:tc>
        <w:tc>
          <w:tcPr>
            <w:tcW w:w="4536" w:type="dxa"/>
            <w:gridSpan w:val="2"/>
          </w:tcPr>
          <w:p w:rsidR="0043425B" w:rsidRPr="00A153C4" w:rsidRDefault="0043425B" w:rsidP="000A0A20">
            <w:p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Экологическая акция «Речная лента»</w:t>
            </w:r>
          </w:p>
        </w:tc>
        <w:tc>
          <w:tcPr>
            <w:tcW w:w="1417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Июнь 2018</w:t>
            </w:r>
          </w:p>
        </w:tc>
        <w:tc>
          <w:tcPr>
            <w:tcW w:w="1985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Борискина Т.А.</w:t>
            </w:r>
          </w:p>
        </w:tc>
        <w:tc>
          <w:tcPr>
            <w:tcW w:w="1702" w:type="dxa"/>
          </w:tcPr>
          <w:p w:rsidR="0043425B" w:rsidRPr="00A153C4" w:rsidRDefault="0043425B" w:rsidP="000A0A20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</w:tc>
      </w:tr>
    </w:tbl>
    <w:p w:rsidR="00E00454" w:rsidRPr="00A153C4" w:rsidRDefault="00E00454" w:rsidP="006601AC">
      <w:pPr>
        <w:rPr>
          <w:rFonts w:ascii="Times New Roman" w:hAnsi="Times New Roman" w:cs="Times New Roman"/>
          <w:bCs/>
          <w:sz w:val="24"/>
          <w:szCs w:val="24"/>
        </w:rPr>
      </w:pPr>
    </w:p>
    <w:p w:rsidR="009A6098" w:rsidRPr="00A153C4" w:rsidRDefault="009A6098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9A6098" w:rsidRPr="00A153C4" w:rsidRDefault="009A6098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9A6098" w:rsidRPr="00A153C4" w:rsidRDefault="009A6098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9A6098" w:rsidRPr="00A153C4" w:rsidRDefault="009A6098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263142" w:rsidRPr="00A153C4" w:rsidRDefault="00263142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263142" w:rsidRPr="00A153C4" w:rsidRDefault="00263142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263142" w:rsidRPr="00A153C4" w:rsidRDefault="00263142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F6616C" w:rsidRPr="00A153C4" w:rsidRDefault="00F6616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F6616C" w:rsidRDefault="00F6616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43425B" w:rsidRDefault="0043425B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43425B" w:rsidRDefault="0043425B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43425B" w:rsidRDefault="0043425B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43425B" w:rsidRDefault="0043425B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43425B" w:rsidRDefault="0043425B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43425B" w:rsidRDefault="0043425B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43425B" w:rsidRDefault="0043425B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43425B" w:rsidRDefault="0043425B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43425B" w:rsidRPr="00A153C4" w:rsidRDefault="0043425B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F6616C" w:rsidRPr="00A153C4" w:rsidRDefault="00F6616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9400D9" w:rsidRPr="00A153C4" w:rsidRDefault="009400D9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263142" w:rsidRPr="0003701D" w:rsidRDefault="00263142" w:rsidP="0003701D">
      <w:pPr>
        <w:pStyle w:val="af0"/>
        <w:numPr>
          <w:ilvl w:val="0"/>
          <w:numId w:val="36"/>
        </w:numPr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03701D">
        <w:rPr>
          <w:rFonts w:ascii="Times New Roman" w:hAnsi="Times New Roman" w:cs="Times New Roman"/>
          <w:b/>
          <w:bCs/>
          <w:sz w:val="24"/>
          <w:szCs w:val="24"/>
        </w:rPr>
        <w:lastRenderedPageBreak/>
        <w:t>Отдел молодежных инициатив</w:t>
      </w:r>
    </w:p>
    <w:tbl>
      <w:tblPr>
        <w:tblStyle w:val="af"/>
        <w:tblW w:w="0" w:type="auto"/>
        <w:tblLook w:val="04A0" w:firstRow="1" w:lastRow="0" w:firstColumn="1" w:lastColumn="0" w:noHBand="0" w:noVBand="1"/>
      </w:tblPr>
      <w:tblGrid>
        <w:gridCol w:w="555"/>
        <w:gridCol w:w="4656"/>
        <w:gridCol w:w="2605"/>
        <w:gridCol w:w="2357"/>
      </w:tblGrid>
      <w:tr w:rsidR="0003701D" w:rsidRPr="00C45AA4" w:rsidTr="0003701D">
        <w:tc>
          <w:tcPr>
            <w:tcW w:w="555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/>
                <w:bCs/>
              </w:rPr>
            </w:pPr>
            <w:r w:rsidRPr="00C45AA4">
              <w:rPr>
                <w:rFonts w:ascii="Times New Roman" w:hAnsi="Times New Roman" w:cs="Times New Roman"/>
                <w:b/>
                <w:bCs/>
              </w:rPr>
              <w:t>№</w:t>
            </w:r>
          </w:p>
        </w:tc>
        <w:tc>
          <w:tcPr>
            <w:tcW w:w="4656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/>
                <w:bCs/>
              </w:rPr>
            </w:pPr>
            <w:r w:rsidRPr="00C45AA4">
              <w:rPr>
                <w:rFonts w:ascii="Times New Roman" w:hAnsi="Times New Roman" w:cs="Times New Roman"/>
                <w:b/>
                <w:bCs/>
              </w:rPr>
              <w:t>Мероприятие</w:t>
            </w:r>
          </w:p>
        </w:tc>
        <w:tc>
          <w:tcPr>
            <w:tcW w:w="2605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/>
                <w:bCs/>
              </w:rPr>
            </w:pPr>
            <w:r w:rsidRPr="00C45AA4">
              <w:rPr>
                <w:rFonts w:ascii="Times New Roman" w:hAnsi="Times New Roman" w:cs="Times New Roman"/>
                <w:b/>
                <w:bCs/>
              </w:rPr>
              <w:t>Сроки</w:t>
            </w:r>
          </w:p>
        </w:tc>
        <w:tc>
          <w:tcPr>
            <w:tcW w:w="2357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/>
                <w:bCs/>
              </w:rPr>
            </w:pPr>
            <w:r w:rsidRPr="00C45AA4">
              <w:rPr>
                <w:rFonts w:ascii="Times New Roman" w:hAnsi="Times New Roman" w:cs="Times New Roman"/>
                <w:b/>
                <w:bCs/>
              </w:rPr>
              <w:t>Ответственные</w:t>
            </w:r>
          </w:p>
        </w:tc>
      </w:tr>
      <w:tr w:rsidR="0003701D" w:rsidRPr="00C45AA4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jc w:val="center"/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Pr="00C45AA4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Организация работы Молодежного Совета.</w:t>
            </w:r>
          </w:p>
        </w:tc>
        <w:tc>
          <w:tcPr>
            <w:tcW w:w="2605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В течение года</w:t>
            </w:r>
          </w:p>
        </w:tc>
        <w:tc>
          <w:tcPr>
            <w:tcW w:w="2357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  <w:tr w:rsidR="0003701D" w:rsidRPr="00C45AA4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jc w:val="center"/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Pr="00C45AA4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Проведение заседаний Молодежного Совета.</w:t>
            </w:r>
          </w:p>
        </w:tc>
        <w:tc>
          <w:tcPr>
            <w:tcW w:w="2605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В течение года</w:t>
            </w:r>
          </w:p>
        </w:tc>
        <w:tc>
          <w:tcPr>
            <w:tcW w:w="2357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  <w:tr w:rsidR="0003701D" w:rsidRPr="00C45AA4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Pr="00C45AA4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Тренинг «Лидер 21 века».</w:t>
            </w:r>
          </w:p>
        </w:tc>
        <w:tc>
          <w:tcPr>
            <w:tcW w:w="2605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В течение года</w:t>
            </w:r>
          </w:p>
        </w:tc>
        <w:tc>
          <w:tcPr>
            <w:tcW w:w="2357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Редькин Н.Н.</w:t>
            </w:r>
          </w:p>
        </w:tc>
      </w:tr>
      <w:tr w:rsidR="0003701D" w:rsidRPr="00C45AA4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Pr="00C45AA4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Изготовление и распространение буклетов, брошюр профилактического содержания.</w:t>
            </w:r>
          </w:p>
        </w:tc>
        <w:tc>
          <w:tcPr>
            <w:tcW w:w="2605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В течение года</w:t>
            </w:r>
          </w:p>
        </w:tc>
        <w:tc>
          <w:tcPr>
            <w:tcW w:w="2357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Минский А.И.</w:t>
            </w:r>
          </w:p>
        </w:tc>
      </w:tr>
      <w:tr w:rsidR="0003701D" w:rsidRPr="00C45AA4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Pr="00C45AA4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Совместные мероприятия с отделом спорта и туризма</w:t>
            </w:r>
          </w:p>
        </w:tc>
        <w:tc>
          <w:tcPr>
            <w:tcW w:w="2605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В течение года</w:t>
            </w:r>
          </w:p>
        </w:tc>
        <w:tc>
          <w:tcPr>
            <w:tcW w:w="2357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  <w:tr w:rsidR="0003701D" w:rsidRPr="00C45AA4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Pr="00C45AA4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Проведение акций по мере поступления информации</w:t>
            </w:r>
          </w:p>
        </w:tc>
        <w:tc>
          <w:tcPr>
            <w:tcW w:w="2605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В течение года</w:t>
            </w:r>
          </w:p>
        </w:tc>
        <w:tc>
          <w:tcPr>
            <w:tcW w:w="2357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  <w:tr w:rsidR="0003701D" w:rsidRPr="00C45AA4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Pr="00C45AA4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Выездные встречи в сельские поселения.</w:t>
            </w:r>
          </w:p>
        </w:tc>
        <w:tc>
          <w:tcPr>
            <w:tcW w:w="2605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 w:rsidRPr="00C45AA4">
              <w:rPr>
                <w:rFonts w:ascii="Times New Roman" w:hAnsi="Times New Roman" w:cs="Times New Roman"/>
                <w:bCs/>
              </w:rPr>
              <w:t>В течение года</w:t>
            </w:r>
          </w:p>
        </w:tc>
        <w:tc>
          <w:tcPr>
            <w:tcW w:w="2357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  <w:tr w:rsidR="0003701D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Pr="00C45AA4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Конкурс рисунков «Национальный костюм»</w:t>
            </w:r>
          </w:p>
        </w:tc>
        <w:tc>
          <w:tcPr>
            <w:tcW w:w="2605" w:type="dxa"/>
          </w:tcPr>
          <w:p w:rsidR="0003701D" w:rsidRPr="00C45AA4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Ноябрь 2017</w:t>
            </w:r>
          </w:p>
        </w:tc>
        <w:tc>
          <w:tcPr>
            <w:tcW w:w="2357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  <w:tr w:rsidR="0003701D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Круглый стол с В.А. Гончаренко</w:t>
            </w:r>
          </w:p>
        </w:tc>
        <w:tc>
          <w:tcPr>
            <w:tcW w:w="2605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Ноябрь 2017</w:t>
            </w:r>
          </w:p>
        </w:tc>
        <w:tc>
          <w:tcPr>
            <w:tcW w:w="2357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  <w:tr w:rsidR="0003701D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едиачемпионат по интеллектуальным играм</w:t>
            </w:r>
          </w:p>
        </w:tc>
        <w:tc>
          <w:tcPr>
            <w:tcW w:w="2605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Ноябрь-декабрь 2017</w:t>
            </w:r>
          </w:p>
        </w:tc>
        <w:tc>
          <w:tcPr>
            <w:tcW w:w="2357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  <w:tr w:rsidR="0003701D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Подготовка и проведение новогоднего мероприятия для одаренных детей</w:t>
            </w:r>
          </w:p>
        </w:tc>
        <w:tc>
          <w:tcPr>
            <w:tcW w:w="2605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Декабрь 2017</w:t>
            </w:r>
          </w:p>
        </w:tc>
        <w:tc>
          <w:tcPr>
            <w:tcW w:w="2357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  <w:tr w:rsidR="0003701D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ероприятия в рамках «Клуба молодой семьи»</w:t>
            </w:r>
          </w:p>
        </w:tc>
        <w:tc>
          <w:tcPr>
            <w:tcW w:w="2605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2 раза в месяц в течении учебного года</w:t>
            </w:r>
          </w:p>
        </w:tc>
        <w:tc>
          <w:tcPr>
            <w:tcW w:w="2357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  <w:tr w:rsidR="0003701D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Конкурс «Супер семья»</w:t>
            </w:r>
          </w:p>
        </w:tc>
        <w:tc>
          <w:tcPr>
            <w:tcW w:w="2605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Апрель 2018</w:t>
            </w:r>
          </w:p>
        </w:tc>
        <w:tc>
          <w:tcPr>
            <w:tcW w:w="2357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  <w:tr w:rsidR="0003701D" w:rsidTr="0003701D">
        <w:tc>
          <w:tcPr>
            <w:tcW w:w="555" w:type="dxa"/>
          </w:tcPr>
          <w:p w:rsidR="0003701D" w:rsidRPr="00C45AA4" w:rsidRDefault="0003701D" w:rsidP="0020467B">
            <w:pPr>
              <w:pStyle w:val="af0"/>
              <w:numPr>
                <w:ilvl w:val="0"/>
                <w:numId w:val="45"/>
              </w:numPr>
              <w:rPr>
                <w:rFonts w:ascii="Times New Roman" w:hAnsi="Times New Roman" w:cs="Times New Roman"/>
                <w:bCs/>
              </w:rPr>
            </w:pPr>
          </w:p>
        </w:tc>
        <w:tc>
          <w:tcPr>
            <w:tcW w:w="4656" w:type="dxa"/>
          </w:tcPr>
          <w:p w:rsidR="0003701D" w:rsidRDefault="0003701D" w:rsidP="0020467B">
            <w:pPr>
              <w:jc w:val="both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олодежный пикник</w:t>
            </w:r>
          </w:p>
        </w:tc>
        <w:tc>
          <w:tcPr>
            <w:tcW w:w="2605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Июнь 2018</w:t>
            </w:r>
          </w:p>
        </w:tc>
        <w:tc>
          <w:tcPr>
            <w:tcW w:w="2357" w:type="dxa"/>
          </w:tcPr>
          <w:p w:rsidR="0003701D" w:rsidRDefault="0003701D" w:rsidP="0020467B">
            <w:pPr>
              <w:jc w:val="center"/>
              <w:rPr>
                <w:rFonts w:ascii="Times New Roman" w:hAnsi="Times New Roman" w:cs="Times New Roman"/>
                <w:bCs/>
              </w:rPr>
            </w:pPr>
            <w:r>
              <w:rPr>
                <w:rFonts w:ascii="Times New Roman" w:hAnsi="Times New Roman" w:cs="Times New Roman"/>
                <w:bCs/>
              </w:rPr>
              <w:t>Микушева В.Б.</w:t>
            </w:r>
          </w:p>
        </w:tc>
      </w:tr>
    </w:tbl>
    <w:p w:rsidR="00263142" w:rsidRPr="00A153C4" w:rsidRDefault="00263142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263142" w:rsidRPr="00A153C4" w:rsidRDefault="00263142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9A6098" w:rsidRPr="00A153C4" w:rsidRDefault="009A6098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9A6098" w:rsidRPr="00A153C4" w:rsidRDefault="009A6098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9A6098" w:rsidRPr="00A153C4" w:rsidRDefault="009A6098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9A6098" w:rsidRPr="00A153C4" w:rsidRDefault="009A6098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9A6098" w:rsidRDefault="009A6098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B443CC" w:rsidRDefault="00B443C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B443CC" w:rsidRDefault="00B443C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B443CC" w:rsidRDefault="00B443C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B443CC" w:rsidRDefault="00B443C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B443CC" w:rsidRDefault="00B443C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B443CC" w:rsidRDefault="00B443C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B443CC" w:rsidRDefault="00B443C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B443CC" w:rsidRPr="00A153C4" w:rsidRDefault="00B443C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9A6098" w:rsidRPr="00A153C4" w:rsidRDefault="009A6098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9A6098" w:rsidRDefault="009A6098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43425B" w:rsidRDefault="0043425B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43425B" w:rsidRPr="00A153C4" w:rsidRDefault="0043425B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6601AC" w:rsidRPr="00A153C4" w:rsidRDefault="0043425B" w:rsidP="008B36E6">
      <w:pPr>
        <w:pStyle w:val="af0"/>
        <w:numPr>
          <w:ilvl w:val="0"/>
          <w:numId w:val="36"/>
        </w:numPr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>
        <w:rPr>
          <w:rFonts w:ascii="Times New Roman" w:hAnsi="Times New Roman" w:cs="Times New Roman"/>
          <w:b/>
          <w:bCs/>
          <w:sz w:val="24"/>
          <w:szCs w:val="24"/>
        </w:rPr>
        <w:t>Воспитательная работа</w:t>
      </w:r>
    </w:p>
    <w:tbl>
      <w:tblPr>
        <w:tblStyle w:val="af"/>
        <w:tblW w:w="0" w:type="auto"/>
        <w:tblInd w:w="-34" w:type="dxa"/>
        <w:tblLook w:val="04A0" w:firstRow="1" w:lastRow="0" w:firstColumn="1" w:lastColumn="0" w:noHBand="0" w:noVBand="1"/>
      </w:tblPr>
      <w:tblGrid>
        <w:gridCol w:w="851"/>
        <w:gridCol w:w="3544"/>
        <w:gridCol w:w="2410"/>
        <w:gridCol w:w="3402"/>
      </w:tblGrid>
      <w:tr w:rsidR="00FF4FE7" w:rsidRPr="00A153C4" w:rsidTr="008B36E6">
        <w:tc>
          <w:tcPr>
            <w:tcW w:w="851" w:type="dxa"/>
          </w:tcPr>
          <w:p w:rsidR="00FF4FE7" w:rsidRPr="00C45AA4" w:rsidRDefault="00FF4FE7" w:rsidP="0020467B">
            <w:pPr>
              <w:jc w:val="center"/>
              <w:rPr>
                <w:rFonts w:ascii="Times New Roman" w:hAnsi="Times New Roman" w:cs="Times New Roman"/>
                <w:b/>
                <w:bCs/>
              </w:rPr>
            </w:pPr>
            <w:r w:rsidRPr="00C45AA4">
              <w:rPr>
                <w:rFonts w:ascii="Times New Roman" w:hAnsi="Times New Roman" w:cs="Times New Roman"/>
                <w:b/>
                <w:bCs/>
              </w:rPr>
              <w:t>№</w:t>
            </w:r>
          </w:p>
        </w:tc>
        <w:tc>
          <w:tcPr>
            <w:tcW w:w="3544" w:type="dxa"/>
          </w:tcPr>
          <w:p w:rsidR="00FF4FE7" w:rsidRPr="00C45AA4" w:rsidRDefault="00FF4FE7" w:rsidP="0020467B">
            <w:pPr>
              <w:jc w:val="center"/>
              <w:rPr>
                <w:rFonts w:ascii="Times New Roman" w:hAnsi="Times New Roman" w:cs="Times New Roman"/>
                <w:b/>
                <w:bCs/>
              </w:rPr>
            </w:pPr>
            <w:r w:rsidRPr="00C45AA4">
              <w:rPr>
                <w:rFonts w:ascii="Times New Roman" w:hAnsi="Times New Roman" w:cs="Times New Roman"/>
                <w:b/>
                <w:bCs/>
              </w:rPr>
              <w:t>Мероприятие</w:t>
            </w:r>
          </w:p>
        </w:tc>
        <w:tc>
          <w:tcPr>
            <w:tcW w:w="2410" w:type="dxa"/>
          </w:tcPr>
          <w:p w:rsidR="00FF4FE7" w:rsidRPr="00C45AA4" w:rsidRDefault="00FF4FE7" w:rsidP="0020467B">
            <w:pPr>
              <w:jc w:val="center"/>
              <w:rPr>
                <w:rFonts w:ascii="Times New Roman" w:hAnsi="Times New Roman" w:cs="Times New Roman"/>
                <w:b/>
                <w:bCs/>
              </w:rPr>
            </w:pPr>
            <w:r w:rsidRPr="00C45AA4">
              <w:rPr>
                <w:rFonts w:ascii="Times New Roman" w:hAnsi="Times New Roman" w:cs="Times New Roman"/>
                <w:b/>
                <w:bCs/>
              </w:rPr>
              <w:t>Сроки</w:t>
            </w:r>
          </w:p>
        </w:tc>
        <w:tc>
          <w:tcPr>
            <w:tcW w:w="3402" w:type="dxa"/>
          </w:tcPr>
          <w:p w:rsidR="00FF4FE7" w:rsidRPr="00C45AA4" w:rsidRDefault="00FF4FE7" w:rsidP="0020467B">
            <w:pPr>
              <w:jc w:val="center"/>
              <w:rPr>
                <w:rFonts w:ascii="Times New Roman" w:hAnsi="Times New Roman" w:cs="Times New Roman"/>
                <w:b/>
                <w:bCs/>
              </w:rPr>
            </w:pPr>
            <w:r w:rsidRPr="00C45AA4">
              <w:rPr>
                <w:rFonts w:ascii="Times New Roman" w:hAnsi="Times New Roman" w:cs="Times New Roman"/>
                <w:b/>
                <w:bCs/>
              </w:rPr>
              <w:t>Ответственные</w:t>
            </w:r>
          </w:p>
        </w:tc>
      </w:tr>
      <w:tr w:rsidR="00FF4FE7" w:rsidRPr="00A153C4" w:rsidTr="008B36E6">
        <w:tc>
          <w:tcPr>
            <w:tcW w:w="851" w:type="dxa"/>
          </w:tcPr>
          <w:p w:rsidR="00FF4FE7" w:rsidRPr="00A153C4" w:rsidRDefault="00573FC1" w:rsidP="008B36E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3544" w:type="dxa"/>
          </w:tcPr>
          <w:p w:rsidR="00FF4FE7" w:rsidRPr="00A153C4" w:rsidRDefault="00FF4FE7" w:rsidP="008B36E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Акция «Поздравь ветерана», «Подарок учителю-ветерану»</w:t>
            </w:r>
          </w:p>
        </w:tc>
        <w:tc>
          <w:tcPr>
            <w:tcW w:w="2410" w:type="dxa"/>
          </w:tcPr>
          <w:p w:rsidR="00FF4FE7" w:rsidRPr="00A153C4" w:rsidRDefault="00FF4FE7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ктябрь 2017</w:t>
            </w:r>
          </w:p>
        </w:tc>
        <w:tc>
          <w:tcPr>
            <w:tcW w:w="3402" w:type="dxa"/>
          </w:tcPr>
          <w:p w:rsidR="00FF4FE7" w:rsidRPr="00A153C4" w:rsidRDefault="00FF4FE7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ДО с.Сторожевск</w:t>
            </w:r>
          </w:p>
        </w:tc>
      </w:tr>
      <w:tr w:rsidR="00FF4FE7" w:rsidRPr="00A153C4" w:rsidTr="008B36E6">
        <w:tc>
          <w:tcPr>
            <w:tcW w:w="851" w:type="dxa"/>
          </w:tcPr>
          <w:p w:rsidR="00FF4FE7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3544" w:type="dxa"/>
          </w:tcPr>
          <w:p w:rsidR="00FF4FE7" w:rsidRPr="00A153C4" w:rsidRDefault="00FF4FE7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аздник 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«Осенние посиделки»</w:t>
            </w:r>
          </w:p>
          <w:p w:rsidR="00FF4FE7" w:rsidRPr="00A153C4" w:rsidRDefault="00FF4FE7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410" w:type="dxa"/>
          </w:tcPr>
          <w:p w:rsidR="00FF4FE7" w:rsidRPr="00A153C4" w:rsidRDefault="00FF4FE7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ктябрь 2017</w:t>
            </w:r>
          </w:p>
        </w:tc>
        <w:tc>
          <w:tcPr>
            <w:tcW w:w="3402" w:type="dxa"/>
          </w:tcPr>
          <w:p w:rsidR="00FF4FE7" w:rsidRPr="00A153C4" w:rsidRDefault="00FF4FE7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ДО с.Сторожевск</w:t>
            </w:r>
          </w:p>
        </w:tc>
      </w:tr>
      <w:tr w:rsidR="00FF4FE7" w:rsidRPr="00A153C4" w:rsidTr="00FF4FE7">
        <w:trPr>
          <w:trHeight w:val="733"/>
        </w:trPr>
        <w:tc>
          <w:tcPr>
            <w:tcW w:w="851" w:type="dxa"/>
          </w:tcPr>
          <w:p w:rsidR="00FF4FE7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3544" w:type="dxa"/>
          </w:tcPr>
          <w:p w:rsidR="00FF4FE7" w:rsidRPr="00A153C4" w:rsidRDefault="00FF4FE7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ыставка рисунков «Осенние мотивы»</w:t>
            </w:r>
          </w:p>
        </w:tc>
        <w:tc>
          <w:tcPr>
            <w:tcW w:w="2410" w:type="dxa"/>
          </w:tcPr>
          <w:p w:rsidR="00FF4FE7" w:rsidRPr="00A153C4" w:rsidRDefault="00FF4FE7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ктябрь 2017</w:t>
            </w:r>
          </w:p>
        </w:tc>
        <w:tc>
          <w:tcPr>
            <w:tcW w:w="3402" w:type="dxa"/>
          </w:tcPr>
          <w:p w:rsidR="00FF4FE7" w:rsidRPr="00A153C4" w:rsidRDefault="00FF4FE7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ихайлова Е.И.</w:t>
            </w:r>
          </w:p>
        </w:tc>
      </w:tr>
      <w:tr w:rsidR="00035C18" w:rsidRPr="00A153C4" w:rsidTr="00FF4FE7">
        <w:trPr>
          <w:trHeight w:val="733"/>
        </w:trPr>
        <w:tc>
          <w:tcPr>
            <w:tcW w:w="851" w:type="dxa"/>
          </w:tcPr>
          <w:p w:rsidR="00035C18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3544" w:type="dxa"/>
          </w:tcPr>
          <w:p w:rsidR="00035C18" w:rsidRPr="00A153C4" w:rsidRDefault="00035C18" w:rsidP="00FF4FE7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  <w:shd w:val="clear" w:color="auto" w:fill="FFFFFF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ыставка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- конкурс на лучшую поделку из природного материала «Чудесные плоды»  </w:t>
            </w:r>
          </w:p>
        </w:tc>
        <w:tc>
          <w:tcPr>
            <w:tcW w:w="2410" w:type="dxa"/>
          </w:tcPr>
          <w:p w:rsidR="00035C18" w:rsidRPr="00A153C4" w:rsidRDefault="00035C18" w:rsidP="0020467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ктябрь 2016</w:t>
            </w:r>
          </w:p>
        </w:tc>
        <w:tc>
          <w:tcPr>
            <w:tcW w:w="3402" w:type="dxa"/>
          </w:tcPr>
          <w:p w:rsidR="00035C18" w:rsidRPr="00A153C4" w:rsidRDefault="00035C18" w:rsidP="0020467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Киселева Т.В.</w:t>
            </w:r>
          </w:p>
        </w:tc>
      </w:tr>
      <w:tr w:rsidR="00DF1EAC" w:rsidRPr="00A153C4" w:rsidTr="00FF4FE7">
        <w:trPr>
          <w:trHeight w:val="733"/>
        </w:trPr>
        <w:tc>
          <w:tcPr>
            <w:tcW w:w="851" w:type="dxa"/>
          </w:tcPr>
          <w:p w:rsidR="00DF1EAC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3544" w:type="dxa"/>
          </w:tcPr>
          <w:p w:rsidR="00DF1EAC" w:rsidRPr="00DF1EAC" w:rsidRDefault="00DF1EAC" w:rsidP="00FF4FE7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DF1EAC">
              <w:rPr>
                <w:rFonts w:ascii="Times New Roman" w:hAnsi="Times New Roman" w:cs="Times New Roman"/>
                <w:sz w:val="24"/>
                <w:szCs w:val="24"/>
              </w:rPr>
              <w:t>конкурс «Творчество на удивление</w:t>
            </w:r>
          </w:p>
        </w:tc>
        <w:tc>
          <w:tcPr>
            <w:tcW w:w="2410" w:type="dxa"/>
          </w:tcPr>
          <w:p w:rsidR="00DF1EAC" w:rsidRPr="00A153C4" w:rsidRDefault="00DF1EAC" w:rsidP="00B65C5F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ктябрь 2016</w:t>
            </w:r>
          </w:p>
        </w:tc>
        <w:tc>
          <w:tcPr>
            <w:tcW w:w="3402" w:type="dxa"/>
          </w:tcPr>
          <w:p w:rsidR="00DF1EAC" w:rsidRPr="00A153C4" w:rsidRDefault="00DF1EAC" w:rsidP="00B65C5F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Киселева Т.В.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3544" w:type="dxa"/>
          </w:tcPr>
          <w:p w:rsidR="00DF1EAC" w:rsidRPr="00A153C4" w:rsidRDefault="00DF1EAC" w:rsidP="0020467B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сещение Государственного ордена дружбы народов академического театра им.В.Савина</w:t>
            </w:r>
          </w:p>
        </w:tc>
        <w:tc>
          <w:tcPr>
            <w:tcW w:w="2410" w:type="dxa"/>
          </w:tcPr>
          <w:p w:rsidR="00DF1EAC" w:rsidRPr="00A153C4" w:rsidRDefault="00DF1EAC" w:rsidP="0020467B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Октябрь 2016</w:t>
            </w:r>
          </w:p>
        </w:tc>
        <w:tc>
          <w:tcPr>
            <w:tcW w:w="3402" w:type="dxa"/>
          </w:tcPr>
          <w:p w:rsidR="00DF1EAC" w:rsidRPr="00A153C4" w:rsidRDefault="00DF1EAC" w:rsidP="0020467B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анюкова Г.И.</w:t>
            </w:r>
          </w:p>
          <w:p w:rsidR="00DF1EAC" w:rsidRPr="00A153C4" w:rsidRDefault="00DF1EAC" w:rsidP="0020467B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бъединение «Сказка»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3544" w:type="dxa"/>
          </w:tcPr>
          <w:p w:rsidR="00DF1EAC" w:rsidRPr="00A153C4" w:rsidRDefault="00DF1EAC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Выставка работ по декоративно-прикладному искусству «Живая планета»</w:t>
            </w:r>
          </w:p>
        </w:tc>
        <w:tc>
          <w:tcPr>
            <w:tcW w:w="2410" w:type="dxa"/>
          </w:tcPr>
          <w:p w:rsidR="00DF1EAC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Октябрь-ноябрь </w:t>
            </w:r>
          </w:p>
          <w:p w:rsidR="00DF1EAC" w:rsidRPr="00A153C4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17</w:t>
            </w:r>
          </w:p>
        </w:tc>
        <w:tc>
          <w:tcPr>
            <w:tcW w:w="3402" w:type="dxa"/>
          </w:tcPr>
          <w:p w:rsidR="00DF1EAC" w:rsidRPr="00A153C4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Михайлова Р.П.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3544" w:type="dxa"/>
          </w:tcPr>
          <w:p w:rsidR="00DF1EAC" w:rsidRPr="00A153C4" w:rsidRDefault="00DF1EAC" w:rsidP="00573FC1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Мероприятия, посвященные Дню матери</w:t>
            </w:r>
          </w:p>
          <w:p w:rsidR="00DF1EAC" w:rsidRPr="00A153C4" w:rsidRDefault="00DF1EAC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410" w:type="dxa"/>
          </w:tcPr>
          <w:p w:rsidR="00DF1EAC" w:rsidRPr="00A153C4" w:rsidRDefault="00DF1EAC" w:rsidP="00FF4FE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Ноябрь 201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3402" w:type="dxa"/>
          </w:tcPr>
          <w:p w:rsidR="00DF1EAC" w:rsidRPr="00A153C4" w:rsidRDefault="00DF1EAC" w:rsidP="00DF1EAC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ДО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.</w:t>
            </w:r>
          </w:p>
        </w:tc>
        <w:tc>
          <w:tcPr>
            <w:tcW w:w="3544" w:type="dxa"/>
          </w:tcPr>
          <w:p w:rsidR="00DF1EAC" w:rsidRPr="00A153C4" w:rsidRDefault="00DF1EAC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оревнования по спортивному туризму на искусственном рельефе</w:t>
            </w:r>
          </w:p>
        </w:tc>
        <w:tc>
          <w:tcPr>
            <w:tcW w:w="2410" w:type="dxa"/>
          </w:tcPr>
          <w:p w:rsidR="00DF1EAC" w:rsidRPr="00A153C4" w:rsidRDefault="00DF1EAC" w:rsidP="00FF4FE7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Ноябрь 201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3402" w:type="dxa"/>
          </w:tcPr>
          <w:p w:rsidR="00DF1EAC" w:rsidRPr="00A153C4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бов М.Н.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.</w:t>
            </w:r>
          </w:p>
        </w:tc>
        <w:tc>
          <w:tcPr>
            <w:tcW w:w="3544" w:type="dxa"/>
          </w:tcPr>
          <w:p w:rsidR="00DF1EAC" w:rsidRPr="00A153C4" w:rsidRDefault="00DF1EAC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Мастерская Деда Мороза</w:t>
            </w:r>
          </w:p>
        </w:tc>
        <w:tc>
          <w:tcPr>
            <w:tcW w:w="2410" w:type="dxa"/>
          </w:tcPr>
          <w:p w:rsidR="00DF1EAC" w:rsidRPr="00A153C4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екабрь 2017</w:t>
            </w:r>
          </w:p>
        </w:tc>
        <w:tc>
          <w:tcPr>
            <w:tcW w:w="3402" w:type="dxa"/>
          </w:tcPr>
          <w:p w:rsidR="00DF1EAC" w:rsidRPr="00A153C4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ДО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1.</w:t>
            </w:r>
          </w:p>
        </w:tc>
        <w:tc>
          <w:tcPr>
            <w:tcW w:w="3544" w:type="dxa"/>
          </w:tcPr>
          <w:p w:rsidR="00DF1EAC" w:rsidRPr="00A153C4" w:rsidRDefault="00DF1EAC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Конкурс поделок «Новогоднее кружево»</w:t>
            </w:r>
          </w:p>
        </w:tc>
        <w:tc>
          <w:tcPr>
            <w:tcW w:w="2410" w:type="dxa"/>
          </w:tcPr>
          <w:p w:rsidR="00DF1EAC" w:rsidRPr="00A153C4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екабрь 2017</w:t>
            </w:r>
          </w:p>
        </w:tc>
        <w:tc>
          <w:tcPr>
            <w:tcW w:w="3402" w:type="dxa"/>
          </w:tcPr>
          <w:p w:rsidR="00DF1EAC" w:rsidRPr="00A153C4" w:rsidRDefault="00DF1EAC" w:rsidP="00A153C4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бова Т.В.</w:t>
            </w:r>
          </w:p>
          <w:p w:rsidR="00DF1EAC" w:rsidRPr="00A153C4" w:rsidRDefault="00DF1EAC" w:rsidP="00A153C4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ихайлова Е.И.</w:t>
            </w:r>
          </w:p>
          <w:p w:rsidR="00DF1EAC" w:rsidRPr="00A153C4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ихайлова Р.П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2.</w:t>
            </w:r>
          </w:p>
        </w:tc>
        <w:tc>
          <w:tcPr>
            <w:tcW w:w="3544" w:type="dxa"/>
          </w:tcPr>
          <w:p w:rsidR="00DF1EAC" w:rsidRPr="00A153C4" w:rsidRDefault="00DF1EAC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Рождественские забавы</w:t>
            </w:r>
          </w:p>
        </w:tc>
        <w:tc>
          <w:tcPr>
            <w:tcW w:w="2410" w:type="dxa"/>
          </w:tcPr>
          <w:p w:rsidR="00DF1EAC" w:rsidRPr="00A153C4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Январь 2018</w:t>
            </w:r>
          </w:p>
        </w:tc>
        <w:tc>
          <w:tcPr>
            <w:tcW w:w="3402" w:type="dxa"/>
          </w:tcPr>
          <w:p w:rsidR="00DF1EAC" w:rsidRPr="00A153C4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ДО с.Сторожевск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3.</w:t>
            </w:r>
          </w:p>
        </w:tc>
        <w:tc>
          <w:tcPr>
            <w:tcW w:w="3544" w:type="dxa"/>
          </w:tcPr>
          <w:p w:rsidR="00DF1EAC" w:rsidRPr="00FF4FE7" w:rsidRDefault="00DF1EAC" w:rsidP="000A0A20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Зимние вылазки на природу</w:t>
            </w:r>
          </w:p>
        </w:tc>
        <w:tc>
          <w:tcPr>
            <w:tcW w:w="2410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Январь 2018</w:t>
            </w:r>
          </w:p>
        </w:tc>
        <w:tc>
          <w:tcPr>
            <w:tcW w:w="3402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ПДО с.Сторожевск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4.</w:t>
            </w:r>
          </w:p>
        </w:tc>
        <w:tc>
          <w:tcPr>
            <w:tcW w:w="3544" w:type="dxa"/>
          </w:tcPr>
          <w:p w:rsidR="00DF1EAC" w:rsidRPr="00FF4FE7" w:rsidRDefault="00DF1EAC" w:rsidP="000A0A20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Соревнования по биатлону</w:t>
            </w:r>
          </w:p>
        </w:tc>
        <w:tc>
          <w:tcPr>
            <w:tcW w:w="2410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Январь 2018</w:t>
            </w:r>
          </w:p>
        </w:tc>
        <w:tc>
          <w:tcPr>
            <w:tcW w:w="3402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Габов М.Н.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0A0A2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5.</w:t>
            </w:r>
          </w:p>
        </w:tc>
        <w:tc>
          <w:tcPr>
            <w:tcW w:w="3544" w:type="dxa"/>
          </w:tcPr>
          <w:p w:rsidR="00DF1EAC" w:rsidRPr="00DF1EAC" w:rsidRDefault="00DF1EAC" w:rsidP="000A0A20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DF1EAC">
              <w:rPr>
                <w:rFonts w:ascii="Times New Roman" w:hAnsi="Times New Roman" w:cs="Times New Roman"/>
                <w:sz w:val="24"/>
                <w:szCs w:val="24"/>
              </w:rPr>
              <w:t>Поход по маршруту Нившера - изб. Кузьма - Нившера</w:t>
            </w:r>
          </w:p>
        </w:tc>
        <w:tc>
          <w:tcPr>
            <w:tcW w:w="2410" w:type="dxa"/>
          </w:tcPr>
          <w:p w:rsidR="00DF1EAC" w:rsidRPr="00FF4FE7" w:rsidRDefault="00DF1EAC" w:rsidP="00B65C5F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Январь 2018</w:t>
            </w:r>
          </w:p>
        </w:tc>
        <w:tc>
          <w:tcPr>
            <w:tcW w:w="3402" w:type="dxa"/>
          </w:tcPr>
          <w:p w:rsidR="00DF1EAC" w:rsidRPr="00FF4FE7" w:rsidRDefault="00DF1EAC" w:rsidP="00B65C5F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Габов М.Н.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6.</w:t>
            </w:r>
          </w:p>
        </w:tc>
        <w:tc>
          <w:tcPr>
            <w:tcW w:w="3544" w:type="dxa"/>
          </w:tcPr>
          <w:p w:rsidR="00DF1EAC" w:rsidRPr="00FF4FE7" w:rsidRDefault="00DF1EAC" w:rsidP="00A153C4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День здоровья «Зимние забавы»</w:t>
            </w:r>
          </w:p>
        </w:tc>
        <w:tc>
          <w:tcPr>
            <w:tcW w:w="2410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Январь 2018</w:t>
            </w:r>
          </w:p>
        </w:tc>
        <w:tc>
          <w:tcPr>
            <w:tcW w:w="3402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ПДО с.Нившера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.</w:t>
            </w:r>
          </w:p>
        </w:tc>
        <w:tc>
          <w:tcPr>
            <w:tcW w:w="3544" w:type="dxa"/>
          </w:tcPr>
          <w:p w:rsidR="00DF1EAC" w:rsidRPr="00FF4FE7" w:rsidRDefault="00DF1EAC" w:rsidP="00A153C4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Мероприятия, посвя</w:t>
            </w:r>
            <w: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щённые дню защитника Отечества</w:t>
            </w:r>
          </w:p>
          <w:p w:rsidR="00DF1EAC" w:rsidRPr="00FF4FE7" w:rsidRDefault="00DF1EAC" w:rsidP="00A153C4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</w:p>
        </w:tc>
        <w:tc>
          <w:tcPr>
            <w:tcW w:w="2410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Февраль 2018</w:t>
            </w:r>
          </w:p>
        </w:tc>
        <w:tc>
          <w:tcPr>
            <w:tcW w:w="3402" w:type="dxa"/>
          </w:tcPr>
          <w:p w:rsidR="00DF1EAC" w:rsidRPr="00FF4FE7" w:rsidRDefault="00DF1EAC" w:rsidP="00FF4FE7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 xml:space="preserve">ПДО  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8.</w:t>
            </w:r>
          </w:p>
        </w:tc>
        <w:tc>
          <w:tcPr>
            <w:tcW w:w="3544" w:type="dxa"/>
          </w:tcPr>
          <w:p w:rsidR="00DF1EAC" w:rsidRPr="00FF4FE7" w:rsidRDefault="00DF1EAC" w:rsidP="00A153C4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  <w:t>Соревнования по ориентированию</w:t>
            </w:r>
          </w:p>
          <w:p w:rsidR="00DF1EAC" w:rsidRPr="00FF4FE7" w:rsidRDefault="00DF1EAC" w:rsidP="00A153C4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</w:pPr>
          </w:p>
        </w:tc>
        <w:tc>
          <w:tcPr>
            <w:tcW w:w="2410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Февраль 2018</w:t>
            </w:r>
          </w:p>
        </w:tc>
        <w:tc>
          <w:tcPr>
            <w:tcW w:w="3402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Габов М.Н.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9.</w:t>
            </w:r>
          </w:p>
        </w:tc>
        <w:tc>
          <w:tcPr>
            <w:tcW w:w="3544" w:type="dxa"/>
          </w:tcPr>
          <w:p w:rsidR="00DF1EAC" w:rsidRPr="00FF4FE7" w:rsidRDefault="00DF1EAC" w:rsidP="00A153C4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  <w:t>Соревнования по технике лыжного туризма</w:t>
            </w:r>
          </w:p>
        </w:tc>
        <w:tc>
          <w:tcPr>
            <w:tcW w:w="2410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Февраль 2018</w:t>
            </w:r>
          </w:p>
        </w:tc>
        <w:tc>
          <w:tcPr>
            <w:tcW w:w="3402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Габов М.Н.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.</w:t>
            </w:r>
          </w:p>
        </w:tc>
        <w:tc>
          <w:tcPr>
            <w:tcW w:w="3544" w:type="dxa"/>
          </w:tcPr>
          <w:p w:rsidR="00DF1EAC" w:rsidRPr="00FF4FE7" w:rsidRDefault="00DF1EAC" w:rsidP="00A153C4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</w:pPr>
            <w:r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  <w:t>Мероприятия, посвященные международному дню родного языка</w:t>
            </w:r>
          </w:p>
        </w:tc>
        <w:tc>
          <w:tcPr>
            <w:tcW w:w="2410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Февраль 2018</w:t>
            </w:r>
          </w:p>
        </w:tc>
        <w:tc>
          <w:tcPr>
            <w:tcW w:w="3402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ПДО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.</w:t>
            </w:r>
          </w:p>
        </w:tc>
        <w:tc>
          <w:tcPr>
            <w:tcW w:w="3544" w:type="dxa"/>
          </w:tcPr>
          <w:p w:rsidR="00DF1EAC" w:rsidRPr="00FF4FE7" w:rsidRDefault="00DF1EAC" w:rsidP="00A153C4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Мероприятия, посвященные 8 марта</w:t>
            </w:r>
          </w:p>
        </w:tc>
        <w:tc>
          <w:tcPr>
            <w:tcW w:w="2410" w:type="dxa"/>
          </w:tcPr>
          <w:p w:rsidR="00DF1EAC" w:rsidRPr="00FF4FE7" w:rsidRDefault="00DF1EAC" w:rsidP="0020467B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Март 2018</w:t>
            </w:r>
          </w:p>
        </w:tc>
        <w:tc>
          <w:tcPr>
            <w:tcW w:w="3402" w:type="dxa"/>
          </w:tcPr>
          <w:p w:rsidR="00DF1EAC" w:rsidRPr="00FF4FE7" w:rsidRDefault="00DF1EAC" w:rsidP="0020467B">
            <w:pPr>
              <w:pStyle w:val="af5"/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 xml:space="preserve">ПДО  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.</w:t>
            </w:r>
          </w:p>
        </w:tc>
        <w:tc>
          <w:tcPr>
            <w:tcW w:w="3544" w:type="dxa"/>
          </w:tcPr>
          <w:p w:rsidR="00DF1EAC" w:rsidRPr="00FF4FE7" w:rsidRDefault="00DF1EAC" w:rsidP="0020467B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  <w:t xml:space="preserve">Выставка поделок </w:t>
            </w: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  <w:lastRenderedPageBreak/>
              <w:t>«Поздравляем наших мам»</w:t>
            </w:r>
          </w:p>
        </w:tc>
        <w:tc>
          <w:tcPr>
            <w:tcW w:w="2410" w:type="dxa"/>
          </w:tcPr>
          <w:p w:rsidR="00DF1EAC" w:rsidRPr="00FF4FE7" w:rsidRDefault="00DF1EAC" w:rsidP="0020467B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lastRenderedPageBreak/>
              <w:t>Март 2018</w:t>
            </w:r>
          </w:p>
        </w:tc>
        <w:tc>
          <w:tcPr>
            <w:tcW w:w="3402" w:type="dxa"/>
          </w:tcPr>
          <w:p w:rsidR="00DF1EAC" w:rsidRPr="00FF4FE7" w:rsidRDefault="00DF1EAC" w:rsidP="0020467B">
            <w:pPr>
              <w:pStyle w:val="af5"/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ПДО с.Нившера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23.</w:t>
            </w:r>
          </w:p>
        </w:tc>
        <w:tc>
          <w:tcPr>
            <w:tcW w:w="3544" w:type="dxa"/>
          </w:tcPr>
          <w:p w:rsidR="00DF1EAC" w:rsidRPr="00DF1EAC" w:rsidRDefault="00DF1EAC" w:rsidP="0020467B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</w:pPr>
            <w:r w:rsidRPr="00DF1EAC">
              <w:rPr>
                <w:rFonts w:ascii="Times New Roman" w:hAnsi="Times New Roman" w:cs="Times New Roman"/>
                <w:sz w:val="24"/>
                <w:szCs w:val="24"/>
              </w:rPr>
              <w:t>Поход Нившера- изб. Тима - Нившера</w:t>
            </w:r>
          </w:p>
        </w:tc>
        <w:tc>
          <w:tcPr>
            <w:tcW w:w="2410" w:type="dxa"/>
          </w:tcPr>
          <w:p w:rsidR="00DF1EAC" w:rsidRPr="00FF4FE7" w:rsidRDefault="00DF1EAC" w:rsidP="0020467B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Март 2018</w:t>
            </w:r>
          </w:p>
        </w:tc>
        <w:tc>
          <w:tcPr>
            <w:tcW w:w="3402" w:type="dxa"/>
          </w:tcPr>
          <w:p w:rsidR="00DF1EAC" w:rsidRPr="00FF4FE7" w:rsidRDefault="00DF1EAC" w:rsidP="0020467B">
            <w:pPr>
              <w:pStyle w:val="af5"/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Габов М.Н.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4.</w:t>
            </w:r>
          </w:p>
        </w:tc>
        <w:tc>
          <w:tcPr>
            <w:tcW w:w="3544" w:type="dxa"/>
          </w:tcPr>
          <w:p w:rsidR="00DF1EAC" w:rsidRPr="00FF4FE7" w:rsidRDefault="00DF1EAC" w:rsidP="00FF4FE7">
            <w:pPr>
              <w:jc w:val="both"/>
              <w:rPr>
                <w:rFonts w:ascii="Times New Roman" w:hAnsi="Times New Roman" w:cs="Times New Roman"/>
                <w:color w:val="000000" w:themeColor="text1"/>
                <w:sz w:val="24"/>
                <w:szCs w:val="24"/>
                <w:shd w:val="clear" w:color="auto" w:fill="FFFFFF"/>
              </w:rPr>
            </w:pPr>
            <w:r w:rsidRPr="00FF4FE7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раздник «Широкая Масленица»</w:t>
            </w:r>
          </w:p>
        </w:tc>
        <w:tc>
          <w:tcPr>
            <w:tcW w:w="2410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Март 2018</w:t>
            </w:r>
          </w:p>
        </w:tc>
        <w:tc>
          <w:tcPr>
            <w:tcW w:w="3402" w:type="dxa"/>
          </w:tcPr>
          <w:p w:rsidR="00DF1EAC" w:rsidRPr="00FF4FE7" w:rsidRDefault="00DF1EAC" w:rsidP="00FF4FE7">
            <w:pPr>
              <w:pStyle w:val="af5"/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 xml:space="preserve">ПДО  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5.</w:t>
            </w:r>
          </w:p>
        </w:tc>
        <w:tc>
          <w:tcPr>
            <w:tcW w:w="3544" w:type="dxa"/>
          </w:tcPr>
          <w:p w:rsidR="00DF1EAC" w:rsidRPr="00FF4FE7" w:rsidRDefault="00DF1EAC" w:rsidP="00A153C4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Акция «Изготовление скворечников»</w:t>
            </w:r>
          </w:p>
        </w:tc>
        <w:tc>
          <w:tcPr>
            <w:tcW w:w="2410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Апрель 2018</w:t>
            </w:r>
          </w:p>
        </w:tc>
        <w:tc>
          <w:tcPr>
            <w:tcW w:w="3402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ПДО с.Нившера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6.</w:t>
            </w:r>
          </w:p>
        </w:tc>
        <w:tc>
          <w:tcPr>
            <w:tcW w:w="3544" w:type="dxa"/>
          </w:tcPr>
          <w:p w:rsidR="00DF1EAC" w:rsidRPr="00FF4FE7" w:rsidRDefault="00DF1EAC" w:rsidP="00A153C4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Выпуск буклетов «Космические истории»</w:t>
            </w:r>
          </w:p>
        </w:tc>
        <w:tc>
          <w:tcPr>
            <w:tcW w:w="2410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Апрель 2018</w:t>
            </w:r>
          </w:p>
        </w:tc>
        <w:tc>
          <w:tcPr>
            <w:tcW w:w="3402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Михайлова Р.П.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7.</w:t>
            </w:r>
          </w:p>
        </w:tc>
        <w:tc>
          <w:tcPr>
            <w:tcW w:w="3544" w:type="dxa"/>
          </w:tcPr>
          <w:p w:rsidR="00DF1EAC" w:rsidRPr="00FF4FE7" w:rsidRDefault="00DF1EAC" w:rsidP="00A153C4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Мероприятия, посвященные дню космонавтики</w:t>
            </w:r>
          </w:p>
        </w:tc>
        <w:tc>
          <w:tcPr>
            <w:tcW w:w="2410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Апрель 2018</w:t>
            </w:r>
          </w:p>
        </w:tc>
        <w:tc>
          <w:tcPr>
            <w:tcW w:w="3402" w:type="dxa"/>
          </w:tcPr>
          <w:p w:rsidR="00DF1EAC" w:rsidRPr="00FF4FE7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ПДО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8.</w:t>
            </w:r>
          </w:p>
        </w:tc>
        <w:tc>
          <w:tcPr>
            <w:tcW w:w="3544" w:type="dxa"/>
          </w:tcPr>
          <w:p w:rsidR="00DF1EAC" w:rsidRDefault="00DF1EAC" w:rsidP="0020467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Участие в мероприятиях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, посвященные </w:t>
            </w: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 ко дню Победы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в Великой Отечественной войне</w:t>
            </w:r>
          </w:p>
          <w:p w:rsidR="00DF1EAC" w:rsidRDefault="00DF1EAC" w:rsidP="0020467B">
            <w:pP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- </w:t>
            </w:r>
            <w:r w:rsidRPr="00FF4FE7"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Акция  «Помощь ветерану»,</w:t>
            </w:r>
          </w:p>
          <w:p w:rsidR="00DF1EAC" w:rsidRPr="00A153C4" w:rsidRDefault="00DF1EAC" w:rsidP="0020467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- Акция «Подарок ветерану»</w:t>
            </w:r>
          </w:p>
        </w:tc>
        <w:tc>
          <w:tcPr>
            <w:tcW w:w="2410" w:type="dxa"/>
          </w:tcPr>
          <w:p w:rsidR="00DF1EAC" w:rsidRPr="00A153C4" w:rsidRDefault="00DF1EAC" w:rsidP="0020467B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ай 2018</w:t>
            </w:r>
          </w:p>
        </w:tc>
        <w:tc>
          <w:tcPr>
            <w:tcW w:w="3402" w:type="dxa"/>
          </w:tcPr>
          <w:p w:rsidR="00DF1EAC" w:rsidRDefault="00DF1EAC" w:rsidP="00A153C4">
            <w:pPr>
              <w:jc w:val="center"/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 w:themeColor="text1"/>
                <w:sz w:val="24"/>
                <w:szCs w:val="24"/>
              </w:rPr>
              <w:t>ПДО</w:t>
            </w:r>
          </w:p>
        </w:tc>
      </w:tr>
      <w:tr w:rsidR="00DF1EAC" w:rsidRPr="00A153C4" w:rsidTr="008B36E6">
        <w:tc>
          <w:tcPr>
            <w:tcW w:w="851" w:type="dxa"/>
          </w:tcPr>
          <w:p w:rsidR="00DF1EAC" w:rsidRPr="00A153C4" w:rsidRDefault="00573FC1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9.</w:t>
            </w:r>
          </w:p>
        </w:tc>
        <w:tc>
          <w:tcPr>
            <w:tcW w:w="3544" w:type="dxa"/>
          </w:tcPr>
          <w:p w:rsidR="00DF1EAC" w:rsidRPr="00A153C4" w:rsidRDefault="00DF1EAC" w:rsidP="00A153C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Соревнование по технике пешеходного туризма</w:t>
            </w:r>
          </w:p>
        </w:tc>
        <w:tc>
          <w:tcPr>
            <w:tcW w:w="2410" w:type="dxa"/>
          </w:tcPr>
          <w:p w:rsidR="00DF1EAC" w:rsidRPr="00A153C4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Май 2018</w:t>
            </w:r>
          </w:p>
        </w:tc>
        <w:tc>
          <w:tcPr>
            <w:tcW w:w="3402" w:type="dxa"/>
          </w:tcPr>
          <w:p w:rsidR="00DF1EAC" w:rsidRPr="00A153C4" w:rsidRDefault="00DF1EAC" w:rsidP="00A153C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Габов М.Н.</w:t>
            </w:r>
          </w:p>
        </w:tc>
      </w:tr>
    </w:tbl>
    <w:p w:rsidR="008B36E6" w:rsidRPr="00573FC1" w:rsidRDefault="008B36E6" w:rsidP="00573FC1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3D20DF" w:rsidRPr="00A153C4" w:rsidRDefault="003D20DF" w:rsidP="006601AC">
      <w:pPr>
        <w:rPr>
          <w:rFonts w:ascii="Times New Roman" w:hAnsi="Times New Roman" w:cs="Times New Roman"/>
          <w:bCs/>
          <w:sz w:val="24"/>
          <w:szCs w:val="24"/>
        </w:rPr>
      </w:pPr>
    </w:p>
    <w:bookmarkEnd w:id="4"/>
    <w:p w:rsidR="009A6098" w:rsidRPr="00A153C4" w:rsidRDefault="009400D9" w:rsidP="009400D9">
      <w:pPr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  <w:r w:rsidRPr="00A153C4"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  <w:t xml:space="preserve">6. </w:t>
      </w:r>
      <w:r w:rsidR="00F6616C" w:rsidRPr="00A153C4"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  <w:t>Работа с родителями</w:t>
      </w:r>
    </w:p>
    <w:tbl>
      <w:tblPr>
        <w:tblStyle w:val="af"/>
        <w:tblW w:w="0" w:type="auto"/>
        <w:tblLook w:val="04A0" w:firstRow="1" w:lastRow="0" w:firstColumn="1" w:lastColumn="0" w:noHBand="0" w:noVBand="1"/>
      </w:tblPr>
      <w:tblGrid>
        <w:gridCol w:w="534"/>
        <w:gridCol w:w="4676"/>
        <w:gridCol w:w="1277"/>
        <w:gridCol w:w="3686"/>
      </w:tblGrid>
      <w:tr w:rsidR="00F6616C" w:rsidRPr="00A153C4" w:rsidTr="00F6616C">
        <w:tc>
          <w:tcPr>
            <w:tcW w:w="534" w:type="dxa"/>
          </w:tcPr>
          <w:p w:rsidR="00F6616C" w:rsidRPr="00A153C4" w:rsidRDefault="00F6616C" w:rsidP="00F6616C">
            <w:pPr>
              <w:jc w:val="center"/>
              <w:rPr>
                <w:rFonts w:ascii="Times New Roman" w:hAnsi="Times New Roman" w:cs="Times New Roman"/>
                <w:b/>
                <w:bCs/>
                <w:color w:val="000000" w:themeColor="text1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color w:val="000000" w:themeColor="text1"/>
                <w:sz w:val="24"/>
                <w:szCs w:val="24"/>
              </w:rPr>
              <w:t>№</w:t>
            </w:r>
          </w:p>
        </w:tc>
        <w:tc>
          <w:tcPr>
            <w:tcW w:w="4676" w:type="dxa"/>
          </w:tcPr>
          <w:p w:rsidR="00F6616C" w:rsidRPr="00A153C4" w:rsidRDefault="00F6616C" w:rsidP="00F6616C">
            <w:pPr>
              <w:jc w:val="center"/>
              <w:rPr>
                <w:rFonts w:ascii="Times New Roman" w:hAnsi="Times New Roman" w:cs="Times New Roman"/>
                <w:b/>
                <w:bCs/>
                <w:color w:val="000000" w:themeColor="text1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color w:val="000000" w:themeColor="text1"/>
                <w:sz w:val="24"/>
                <w:szCs w:val="24"/>
              </w:rPr>
              <w:t>Мероприятие</w:t>
            </w:r>
          </w:p>
        </w:tc>
        <w:tc>
          <w:tcPr>
            <w:tcW w:w="1277" w:type="dxa"/>
          </w:tcPr>
          <w:p w:rsidR="00F6616C" w:rsidRPr="00A153C4" w:rsidRDefault="00F6616C" w:rsidP="00F6616C">
            <w:pPr>
              <w:jc w:val="center"/>
              <w:rPr>
                <w:rFonts w:ascii="Times New Roman" w:hAnsi="Times New Roman" w:cs="Times New Roman"/>
                <w:b/>
                <w:bCs/>
                <w:color w:val="000000" w:themeColor="text1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color w:val="000000" w:themeColor="text1"/>
                <w:sz w:val="24"/>
                <w:szCs w:val="24"/>
              </w:rPr>
              <w:t>сроки</w:t>
            </w:r>
          </w:p>
        </w:tc>
        <w:tc>
          <w:tcPr>
            <w:tcW w:w="3686" w:type="dxa"/>
          </w:tcPr>
          <w:p w:rsidR="00F6616C" w:rsidRPr="00A153C4" w:rsidRDefault="00F6616C" w:rsidP="00F6616C">
            <w:pPr>
              <w:jc w:val="center"/>
              <w:rPr>
                <w:rFonts w:ascii="Times New Roman" w:hAnsi="Times New Roman" w:cs="Times New Roman"/>
                <w:b/>
                <w:bCs/>
                <w:color w:val="000000" w:themeColor="text1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color w:val="000000" w:themeColor="text1"/>
                <w:sz w:val="24"/>
                <w:szCs w:val="24"/>
              </w:rPr>
              <w:t>Ответственные</w:t>
            </w:r>
          </w:p>
        </w:tc>
      </w:tr>
      <w:tr w:rsidR="00690DA8" w:rsidRPr="00A153C4" w:rsidTr="00F6616C">
        <w:tc>
          <w:tcPr>
            <w:tcW w:w="534" w:type="dxa"/>
          </w:tcPr>
          <w:p w:rsidR="00690DA8" w:rsidRPr="00A153C4" w:rsidRDefault="00690DA8" w:rsidP="006601AC">
            <w:pPr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1.</w:t>
            </w:r>
          </w:p>
        </w:tc>
        <w:tc>
          <w:tcPr>
            <w:tcW w:w="4676" w:type="dxa"/>
          </w:tcPr>
          <w:p w:rsidR="00690DA8" w:rsidRPr="00A153C4" w:rsidRDefault="00690DA8" w:rsidP="00690DA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ивлечение родительской общественности  к участию в работе   объединений.</w:t>
            </w:r>
          </w:p>
        </w:tc>
        <w:tc>
          <w:tcPr>
            <w:tcW w:w="1277" w:type="dxa"/>
          </w:tcPr>
          <w:p w:rsidR="00690DA8" w:rsidRPr="00A153C4" w:rsidRDefault="00690DA8" w:rsidP="006727B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течение года</w:t>
            </w:r>
          </w:p>
        </w:tc>
        <w:tc>
          <w:tcPr>
            <w:tcW w:w="3686" w:type="dxa"/>
          </w:tcPr>
          <w:p w:rsidR="00690DA8" w:rsidRPr="00A153C4" w:rsidRDefault="00690DA8" w:rsidP="00690DA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Педагоги ДПО</w:t>
            </w:r>
          </w:p>
        </w:tc>
      </w:tr>
      <w:tr w:rsidR="00690DA8" w:rsidRPr="00A153C4" w:rsidTr="00F6616C">
        <w:tc>
          <w:tcPr>
            <w:tcW w:w="534" w:type="dxa"/>
          </w:tcPr>
          <w:p w:rsidR="00690DA8" w:rsidRPr="00A153C4" w:rsidRDefault="00690DA8" w:rsidP="006601AC">
            <w:pPr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2.</w:t>
            </w:r>
          </w:p>
        </w:tc>
        <w:tc>
          <w:tcPr>
            <w:tcW w:w="4676" w:type="dxa"/>
          </w:tcPr>
          <w:p w:rsidR="00690DA8" w:rsidRPr="00A153C4" w:rsidRDefault="00690DA8" w:rsidP="006727B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роведение концертов, отчетных творческих выступлений, открытых занятий для родительской общественности с целью демонстрации достижений учащихся.</w:t>
            </w:r>
          </w:p>
        </w:tc>
        <w:tc>
          <w:tcPr>
            <w:tcW w:w="1277" w:type="dxa"/>
          </w:tcPr>
          <w:p w:rsidR="00690DA8" w:rsidRPr="00A153C4" w:rsidRDefault="00690DA8" w:rsidP="006727B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686" w:type="dxa"/>
          </w:tcPr>
          <w:p w:rsidR="00690DA8" w:rsidRPr="00A153C4" w:rsidRDefault="00690DA8" w:rsidP="00690DA8">
            <w:pPr>
              <w:jc w:val="center"/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Казакова Л.А.</w:t>
            </w:r>
          </w:p>
          <w:p w:rsidR="00690DA8" w:rsidRPr="00A153C4" w:rsidRDefault="00690DA8" w:rsidP="00690DA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Педагоги ДПО</w:t>
            </w:r>
          </w:p>
        </w:tc>
      </w:tr>
      <w:tr w:rsidR="00690DA8" w:rsidRPr="00A153C4" w:rsidTr="00F6616C">
        <w:tc>
          <w:tcPr>
            <w:tcW w:w="534" w:type="dxa"/>
          </w:tcPr>
          <w:p w:rsidR="00690DA8" w:rsidRPr="00A153C4" w:rsidRDefault="00690DA8" w:rsidP="006601AC">
            <w:pPr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3.</w:t>
            </w:r>
          </w:p>
        </w:tc>
        <w:tc>
          <w:tcPr>
            <w:tcW w:w="4676" w:type="dxa"/>
          </w:tcPr>
          <w:p w:rsidR="00690DA8" w:rsidRPr="00A153C4" w:rsidRDefault="00690DA8" w:rsidP="00690DA8">
            <w:pPr>
              <w:pStyle w:val="af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Индивидуальные консультации для родителей.</w:t>
            </w:r>
          </w:p>
        </w:tc>
        <w:tc>
          <w:tcPr>
            <w:tcW w:w="1277" w:type="dxa"/>
          </w:tcPr>
          <w:p w:rsidR="00690DA8" w:rsidRPr="00A153C4" w:rsidRDefault="00690DA8" w:rsidP="006727B8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686" w:type="dxa"/>
          </w:tcPr>
          <w:p w:rsidR="00690DA8" w:rsidRPr="00A153C4" w:rsidRDefault="00690DA8" w:rsidP="00690DA8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Педагоги ДПО</w:t>
            </w:r>
          </w:p>
        </w:tc>
      </w:tr>
      <w:tr w:rsidR="00690DA8" w:rsidRPr="00A153C4" w:rsidTr="00F6616C">
        <w:tc>
          <w:tcPr>
            <w:tcW w:w="534" w:type="dxa"/>
          </w:tcPr>
          <w:p w:rsidR="00690DA8" w:rsidRPr="00A153C4" w:rsidRDefault="00690DA8" w:rsidP="006601AC">
            <w:pPr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4.</w:t>
            </w:r>
          </w:p>
        </w:tc>
        <w:tc>
          <w:tcPr>
            <w:tcW w:w="4676" w:type="dxa"/>
          </w:tcPr>
          <w:p w:rsidR="00690DA8" w:rsidRPr="00A153C4" w:rsidRDefault="00690DA8" w:rsidP="00C45AA4">
            <w:pPr>
              <w:pStyle w:val="af5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 xml:space="preserve">Родительские </w:t>
            </w:r>
            <w:r w:rsidR="000E43CD" w:rsidRPr="00A153C4">
              <w:rPr>
                <w:rFonts w:ascii="Times New Roman" w:hAnsi="Times New Roman" w:cs="Times New Roman"/>
                <w:sz w:val="24"/>
                <w:szCs w:val="24"/>
              </w:rPr>
              <w:t>собрания</w:t>
            </w:r>
          </w:p>
        </w:tc>
        <w:tc>
          <w:tcPr>
            <w:tcW w:w="1277" w:type="dxa"/>
          </w:tcPr>
          <w:p w:rsidR="00690DA8" w:rsidRPr="00A153C4" w:rsidRDefault="00690DA8" w:rsidP="00C45AA4">
            <w:pPr>
              <w:pStyle w:val="af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686" w:type="dxa"/>
          </w:tcPr>
          <w:p w:rsidR="00690DA8" w:rsidRPr="00A153C4" w:rsidRDefault="00690DA8" w:rsidP="00690DA8">
            <w:pPr>
              <w:jc w:val="center"/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color w:val="000000" w:themeColor="text1"/>
                <w:sz w:val="24"/>
                <w:szCs w:val="24"/>
              </w:rPr>
              <w:t>Педагоги ДПО</w:t>
            </w:r>
          </w:p>
        </w:tc>
      </w:tr>
    </w:tbl>
    <w:p w:rsidR="00F6616C" w:rsidRPr="00A153C4" w:rsidRDefault="00F6616C" w:rsidP="006601AC">
      <w:pPr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9A6098" w:rsidRPr="00A153C4" w:rsidRDefault="009A6098" w:rsidP="006601AC">
      <w:pPr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9A6098" w:rsidRPr="00A153C4" w:rsidRDefault="009A6098" w:rsidP="006601AC">
      <w:pPr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16C" w:rsidRPr="00A153C4" w:rsidRDefault="00F6616C" w:rsidP="006601AC">
      <w:pPr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16C" w:rsidRPr="00A153C4" w:rsidRDefault="00F6616C" w:rsidP="006601AC">
      <w:pPr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16C" w:rsidRPr="00A153C4" w:rsidRDefault="00F6616C" w:rsidP="006601AC">
      <w:pPr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16C" w:rsidRPr="00A153C4" w:rsidRDefault="00F6616C" w:rsidP="006601AC">
      <w:pPr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16C" w:rsidRPr="00A153C4" w:rsidRDefault="00F6616C" w:rsidP="006601AC">
      <w:pPr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F6616C" w:rsidRPr="00A153C4" w:rsidRDefault="00F6616C" w:rsidP="006601AC">
      <w:pPr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573FC1" w:rsidRDefault="00573FC1" w:rsidP="00EA03DC">
      <w:pPr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</w:p>
    <w:p w:rsidR="0091310D" w:rsidRPr="00A153C4" w:rsidRDefault="009400D9" w:rsidP="00EA03DC">
      <w:pPr>
        <w:jc w:val="center"/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</w:pPr>
      <w:r w:rsidRPr="00A153C4"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  <w:t>7</w:t>
      </w:r>
      <w:r w:rsidR="00FE0346" w:rsidRPr="00A153C4"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  <w:t xml:space="preserve">. </w:t>
      </w:r>
      <w:r w:rsidR="0091310D" w:rsidRPr="00A153C4">
        <w:rPr>
          <w:rFonts w:ascii="Times New Roman" w:hAnsi="Times New Roman" w:cs="Times New Roman"/>
          <w:b/>
          <w:bCs/>
          <w:color w:val="000000" w:themeColor="text1"/>
          <w:sz w:val="24"/>
          <w:szCs w:val="24"/>
        </w:rPr>
        <w:t>Финансово-хозяйственная  деятельность</w:t>
      </w:r>
    </w:p>
    <w:p w:rsidR="006601AC" w:rsidRPr="00A153C4" w:rsidRDefault="00375619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  <w:bookmarkStart w:id="5" w:name="_Hlk285972070"/>
      <w:r w:rsidRPr="00A153C4">
        <w:rPr>
          <w:rFonts w:ascii="Times New Roman" w:hAnsi="Times New Roman" w:cs="Times New Roman"/>
          <w:b/>
          <w:bCs/>
          <w:sz w:val="24"/>
          <w:szCs w:val="24"/>
        </w:rPr>
        <w:t xml:space="preserve">Финансовая </w:t>
      </w:r>
      <w:r w:rsidR="006601AC" w:rsidRPr="00A153C4">
        <w:rPr>
          <w:rFonts w:ascii="Times New Roman" w:hAnsi="Times New Roman" w:cs="Times New Roman"/>
          <w:b/>
          <w:bCs/>
          <w:sz w:val="24"/>
          <w:szCs w:val="24"/>
        </w:rPr>
        <w:t>деятельность</w:t>
      </w:r>
    </w:p>
    <w:tbl>
      <w:tblPr>
        <w:tblStyle w:val="af"/>
        <w:tblW w:w="0" w:type="auto"/>
        <w:tblLayout w:type="fixed"/>
        <w:tblLook w:val="04A0" w:firstRow="1" w:lastRow="0" w:firstColumn="1" w:lastColumn="0" w:noHBand="0" w:noVBand="1"/>
      </w:tblPr>
      <w:tblGrid>
        <w:gridCol w:w="817"/>
        <w:gridCol w:w="4111"/>
        <w:gridCol w:w="1843"/>
        <w:gridCol w:w="1701"/>
        <w:gridCol w:w="1949"/>
      </w:tblGrid>
      <w:tr w:rsidR="00375619" w:rsidRPr="00A153C4" w:rsidTr="005A6C6A">
        <w:tc>
          <w:tcPr>
            <w:tcW w:w="817" w:type="dxa"/>
          </w:tcPr>
          <w:p w:rsidR="00375619" w:rsidRPr="00A153C4" w:rsidRDefault="00375619" w:rsidP="00375619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№</w:t>
            </w:r>
          </w:p>
        </w:tc>
        <w:tc>
          <w:tcPr>
            <w:tcW w:w="4111" w:type="dxa"/>
          </w:tcPr>
          <w:p w:rsidR="00375619" w:rsidRPr="00A153C4" w:rsidRDefault="00375619" w:rsidP="00375619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Мероприятие</w:t>
            </w:r>
          </w:p>
        </w:tc>
        <w:tc>
          <w:tcPr>
            <w:tcW w:w="1843" w:type="dxa"/>
          </w:tcPr>
          <w:p w:rsidR="00375619" w:rsidRPr="00A153C4" w:rsidRDefault="00375619" w:rsidP="00375619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Сроки</w:t>
            </w:r>
          </w:p>
        </w:tc>
        <w:tc>
          <w:tcPr>
            <w:tcW w:w="1701" w:type="dxa"/>
          </w:tcPr>
          <w:p w:rsidR="00375619" w:rsidRPr="00A153C4" w:rsidRDefault="00375619" w:rsidP="00375619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Ответственные</w:t>
            </w:r>
          </w:p>
        </w:tc>
        <w:tc>
          <w:tcPr>
            <w:tcW w:w="1949" w:type="dxa"/>
          </w:tcPr>
          <w:p w:rsidR="00375619" w:rsidRPr="00A153C4" w:rsidRDefault="00375619" w:rsidP="00375619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Итоговый документ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одготовка ПФХД по бюджету на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 год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Август 201</w:t>
            </w:r>
            <w:r w:rsidR="0029259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ФХД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Инвентаризация основных средств, материалов и расчетов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ктябрь-декабрь 201</w:t>
            </w:r>
            <w:r w:rsidR="0029259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пись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Анализ фонда оплаты труда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окументация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Анализ показателей финансово-хозяйственной деятельности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окументация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верки с поставщиками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, ежекварталь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Акты сверок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оставление декларации по НДФЛ в налоговый орган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На 01.04.201</w:t>
            </w:r>
            <w:r w:rsidR="0029259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оставление ежеквартальных отчетов в ПФ РК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кварталь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екларации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ы в фонд соцстрахования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Формирование справок о доходах (по запросам)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Расчетная ведомость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Индивидуальные сведения на назначения пенсии (по запросам)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о мере необходимости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едомости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Расчеты с поставщиками и подрядчиками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ведения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перации по выбытию и перемещение нефинансовых активов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Ж/о №4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Учет движения кассовых операций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о мере совершения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ем и выдача денежных средств из кассы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х.ордер</w:t>
            </w:r>
          </w:p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Расх.ордер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бработка первичных документов (счет-фактура, акт на списание, бланки строгой отчетности, табеля, б/л и др.)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окументация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Квартальные отчеты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7 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и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 года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кварталь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ы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Годовой отчет за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 год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Январь 201</w:t>
            </w:r>
            <w:r w:rsidR="0029259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едоставление отчетности в налоговые органы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кварталь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екларации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едоставление отчетности в Статуправление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ведения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едоставление отчетности в Управление образования МР «Корткеросский»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ведения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существление контроля за финансово-хозяйственной деятельностью МОО «РЦДО» с.Корткерос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ведения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Составление отчета о финансово-хозяйственной деятельностью МОО 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lastRenderedPageBreak/>
              <w:t>«РЦДО» с.Корткерос за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 год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lastRenderedPageBreak/>
              <w:t>Февраль-апрель 201</w:t>
            </w:r>
            <w:r w:rsidR="0029259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FD555A" w:rsidP="00FD555A">
            <w:pPr>
              <w:pStyle w:val="af0"/>
              <w:numPr>
                <w:ilvl w:val="0"/>
                <w:numId w:val="41"/>
              </w:numPr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4111" w:type="dxa"/>
          </w:tcPr>
          <w:p w:rsidR="00FD555A" w:rsidRPr="00A153C4" w:rsidRDefault="00FD555A" w:rsidP="00FD555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оставление отчета об исполнении сметы доходов и расходов МОО «РЦДО» с.Корткерос по вне-бюджетной деятельности за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 год.</w:t>
            </w:r>
          </w:p>
        </w:tc>
        <w:tc>
          <w:tcPr>
            <w:tcW w:w="1843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Февраль-апрель 201</w:t>
            </w:r>
            <w:r w:rsidR="00292595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701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FD555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</w:tbl>
    <w:p w:rsidR="00CA250C" w:rsidRPr="00A153C4" w:rsidRDefault="00CA250C" w:rsidP="006601AC">
      <w:pPr>
        <w:rPr>
          <w:rFonts w:ascii="Times New Roman" w:hAnsi="Times New Roman" w:cs="Times New Roman"/>
          <w:bCs/>
          <w:sz w:val="24"/>
          <w:szCs w:val="24"/>
        </w:rPr>
      </w:pPr>
    </w:p>
    <w:p w:rsidR="00375619" w:rsidRPr="00A153C4" w:rsidRDefault="00CA250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  <w:r w:rsidRPr="00A153C4">
        <w:rPr>
          <w:rFonts w:ascii="Times New Roman" w:hAnsi="Times New Roman" w:cs="Times New Roman"/>
          <w:b/>
          <w:bCs/>
          <w:sz w:val="24"/>
          <w:szCs w:val="24"/>
        </w:rPr>
        <w:t>План экономической бюджетной деятельности</w:t>
      </w:r>
    </w:p>
    <w:tbl>
      <w:tblPr>
        <w:tblStyle w:val="af"/>
        <w:tblW w:w="0" w:type="auto"/>
        <w:tblLayout w:type="fixed"/>
        <w:tblLook w:val="04A0" w:firstRow="1" w:lastRow="0" w:firstColumn="1" w:lastColumn="0" w:noHBand="0" w:noVBand="1"/>
      </w:tblPr>
      <w:tblGrid>
        <w:gridCol w:w="817"/>
        <w:gridCol w:w="4111"/>
        <w:gridCol w:w="1843"/>
        <w:gridCol w:w="1701"/>
        <w:gridCol w:w="1949"/>
      </w:tblGrid>
      <w:tr w:rsidR="00CA250C" w:rsidRPr="00A153C4" w:rsidTr="005A6C6A">
        <w:tc>
          <w:tcPr>
            <w:tcW w:w="817" w:type="dxa"/>
          </w:tcPr>
          <w:p w:rsidR="00CA250C" w:rsidRPr="00A153C4" w:rsidRDefault="00CA250C" w:rsidP="00FD555A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№</w:t>
            </w:r>
          </w:p>
        </w:tc>
        <w:tc>
          <w:tcPr>
            <w:tcW w:w="4111" w:type="dxa"/>
          </w:tcPr>
          <w:p w:rsidR="00CA250C" w:rsidRPr="00A153C4" w:rsidRDefault="00CA250C" w:rsidP="00FD555A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Мероприятие</w:t>
            </w:r>
          </w:p>
        </w:tc>
        <w:tc>
          <w:tcPr>
            <w:tcW w:w="1843" w:type="dxa"/>
          </w:tcPr>
          <w:p w:rsidR="00CA250C" w:rsidRPr="00A153C4" w:rsidRDefault="00CA250C" w:rsidP="00FD555A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Сроки</w:t>
            </w:r>
          </w:p>
        </w:tc>
        <w:tc>
          <w:tcPr>
            <w:tcW w:w="1701" w:type="dxa"/>
          </w:tcPr>
          <w:p w:rsidR="00CA250C" w:rsidRPr="00A153C4" w:rsidRDefault="00CA250C" w:rsidP="00FD555A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Ответственные</w:t>
            </w:r>
          </w:p>
        </w:tc>
        <w:tc>
          <w:tcPr>
            <w:tcW w:w="1949" w:type="dxa"/>
          </w:tcPr>
          <w:p w:rsidR="00CA250C" w:rsidRPr="00A153C4" w:rsidRDefault="00CA250C" w:rsidP="00FD555A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Итоговый документ</w:t>
            </w:r>
          </w:p>
        </w:tc>
      </w:tr>
      <w:tr w:rsidR="00CA250C" w:rsidRPr="00A153C4" w:rsidTr="005A6C6A">
        <w:tc>
          <w:tcPr>
            <w:tcW w:w="817" w:type="dxa"/>
          </w:tcPr>
          <w:p w:rsidR="00CA250C" w:rsidRPr="00A153C4" w:rsidRDefault="0091310D" w:rsidP="0091310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4111" w:type="dxa"/>
          </w:tcPr>
          <w:p w:rsidR="00CA250C" w:rsidRPr="00A153C4" w:rsidRDefault="00CA250C" w:rsidP="00090D2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 ЗП-Образование, статистическое наблюдение</w:t>
            </w:r>
          </w:p>
        </w:tc>
        <w:tc>
          <w:tcPr>
            <w:tcW w:w="1843" w:type="dxa"/>
          </w:tcPr>
          <w:p w:rsidR="00CA250C" w:rsidRPr="00A153C4" w:rsidRDefault="00CA250C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квартально до 10 числа</w:t>
            </w:r>
          </w:p>
        </w:tc>
        <w:tc>
          <w:tcPr>
            <w:tcW w:w="1701" w:type="dxa"/>
          </w:tcPr>
          <w:p w:rsidR="00CA250C" w:rsidRPr="00A153C4" w:rsidRDefault="00090D2C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CA250C" w:rsidRPr="00A153C4" w:rsidRDefault="00090D2C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91310D" w:rsidP="0091310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4111" w:type="dxa"/>
          </w:tcPr>
          <w:p w:rsidR="00FD555A" w:rsidRPr="00A153C4" w:rsidRDefault="00FD555A" w:rsidP="00090D2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Корректировка плана ФХД 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на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 год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.</w:t>
            </w:r>
          </w:p>
        </w:tc>
        <w:tc>
          <w:tcPr>
            <w:tcW w:w="1843" w:type="dxa"/>
          </w:tcPr>
          <w:p w:rsidR="00FD555A" w:rsidRPr="00A153C4" w:rsidRDefault="008B36E6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о мере неоходимости</w:t>
            </w:r>
          </w:p>
        </w:tc>
        <w:tc>
          <w:tcPr>
            <w:tcW w:w="1701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лан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91310D" w:rsidP="0091310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4111" w:type="dxa"/>
          </w:tcPr>
          <w:p w:rsidR="00FD555A" w:rsidRPr="00A153C4" w:rsidRDefault="00FD555A" w:rsidP="00090D2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 «Анализ фактических значений коэффициента кратности среднемесячной з/п руководителей учреждений к средней з/п работников учреждения».</w:t>
            </w:r>
          </w:p>
        </w:tc>
        <w:tc>
          <w:tcPr>
            <w:tcW w:w="1843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о 15 числа ежеквартально</w:t>
            </w:r>
          </w:p>
        </w:tc>
        <w:tc>
          <w:tcPr>
            <w:tcW w:w="1701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  <w:tr w:rsidR="00CA250C" w:rsidRPr="00A153C4" w:rsidTr="005A6C6A">
        <w:tc>
          <w:tcPr>
            <w:tcW w:w="817" w:type="dxa"/>
          </w:tcPr>
          <w:p w:rsidR="00CA250C" w:rsidRPr="00A153C4" w:rsidRDefault="0091310D" w:rsidP="0091310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4111" w:type="dxa"/>
          </w:tcPr>
          <w:p w:rsidR="00CA250C" w:rsidRPr="00A153C4" w:rsidRDefault="00090D2C" w:rsidP="00090D2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 «По отраслевой системе оплаты труда работников МОО «РЦДО» с. Корткерос»</w:t>
            </w:r>
            <w:r w:rsidR="00FD555A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.</w:t>
            </w:r>
          </w:p>
        </w:tc>
        <w:tc>
          <w:tcPr>
            <w:tcW w:w="1843" w:type="dxa"/>
          </w:tcPr>
          <w:p w:rsidR="00CA250C" w:rsidRPr="00A153C4" w:rsidRDefault="00090D2C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10-15 числа ежеквартально</w:t>
            </w:r>
          </w:p>
        </w:tc>
        <w:tc>
          <w:tcPr>
            <w:tcW w:w="1701" w:type="dxa"/>
          </w:tcPr>
          <w:p w:rsidR="00CA250C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CA250C" w:rsidRPr="00A153C4" w:rsidRDefault="00090D2C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91310D" w:rsidP="0091310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4111" w:type="dxa"/>
          </w:tcPr>
          <w:p w:rsidR="00FD555A" w:rsidRPr="00A153C4" w:rsidRDefault="00FD555A" w:rsidP="00090D2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 «Энергетическое обследование».</w:t>
            </w:r>
          </w:p>
        </w:tc>
        <w:tc>
          <w:tcPr>
            <w:tcW w:w="1843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о 10 числа</w:t>
            </w:r>
          </w:p>
        </w:tc>
        <w:tc>
          <w:tcPr>
            <w:tcW w:w="1701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91310D" w:rsidP="0091310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4111" w:type="dxa"/>
          </w:tcPr>
          <w:p w:rsidR="00FD555A" w:rsidRPr="00A153C4" w:rsidRDefault="00FD555A" w:rsidP="00090D2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Информация о средней заработной плате педагогических и некоторых других категорий работников.</w:t>
            </w:r>
          </w:p>
        </w:tc>
        <w:tc>
          <w:tcPr>
            <w:tcW w:w="1843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о 10 числа</w:t>
            </w:r>
          </w:p>
        </w:tc>
        <w:tc>
          <w:tcPr>
            <w:tcW w:w="1701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91310D" w:rsidP="0091310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4111" w:type="dxa"/>
          </w:tcPr>
          <w:p w:rsidR="00FD555A" w:rsidRPr="00A153C4" w:rsidRDefault="00FD555A" w:rsidP="00090D2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 и сведения  «Об исполнении Субсидии на иные цели».</w:t>
            </w:r>
          </w:p>
        </w:tc>
        <w:tc>
          <w:tcPr>
            <w:tcW w:w="1843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15 числа ежеквартально</w:t>
            </w:r>
          </w:p>
        </w:tc>
        <w:tc>
          <w:tcPr>
            <w:tcW w:w="1701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91310D" w:rsidP="0091310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4111" w:type="dxa"/>
          </w:tcPr>
          <w:p w:rsidR="00FD555A" w:rsidRPr="00A153C4" w:rsidRDefault="00FD555A" w:rsidP="00090D2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 «Анализ использования расходов, предусмотренных по КОСГУ 223 «Коммунальные услуги» по учреждению</w:t>
            </w:r>
          </w:p>
        </w:tc>
        <w:tc>
          <w:tcPr>
            <w:tcW w:w="1843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о 20-25 числа ежеквартально</w:t>
            </w:r>
          </w:p>
        </w:tc>
        <w:tc>
          <w:tcPr>
            <w:tcW w:w="1701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91310D" w:rsidP="0091310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9.</w:t>
            </w:r>
          </w:p>
        </w:tc>
        <w:tc>
          <w:tcPr>
            <w:tcW w:w="4111" w:type="dxa"/>
          </w:tcPr>
          <w:p w:rsidR="00FD555A" w:rsidRPr="00A153C4" w:rsidRDefault="00FD555A" w:rsidP="00090D2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Тарификация на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-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 учебный год.</w:t>
            </w:r>
          </w:p>
        </w:tc>
        <w:tc>
          <w:tcPr>
            <w:tcW w:w="1843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ентябрь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  <w:tc>
          <w:tcPr>
            <w:tcW w:w="1701" w:type="dxa"/>
          </w:tcPr>
          <w:p w:rsidR="00FD555A" w:rsidRPr="00A153C4" w:rsidRDefault="008B36E6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опова Е.Г.</w:t>
            </w:r>
          </w:p>
        </w:tc>
        <w:tc>
          <w:tcPr>
            <w:tcW w:w="1949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Тарификационный список педагогов на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-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 учебный год.</w:t>
            </w:r>
          </w:p>
        </w:tc>
      </w:tr>
      <w:tr w:rsidR="00FD555A" w:rsidRPr="00A153C4" w:rsidTr="005A6C6A">
        <w:tc>
          <w:tcPr>
            <w:tcW w:w="817" w:type="dxa"/>
          </w:tcPr>
          <w:p w:rsidR="00FD555A" w:rsidRPr="00A153C4" w:rsidRDefault="0091310D" w:rsidP="0091310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0.</w:t>
            </w:r>
          </w:p>
        </w:tc>
        <w:tc>
          <w:tcPr>
            <w:tcW w:w="4111" w:type="dxa"/>
          </w:tcPr>
          <w:p w:rsidR="00FD555A" w:rsidRPr="00A153C4" w:rsidRDefault="00FD555A" w:rsidP="00090D2C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 по исполнению плана финансово-хозяйственной деятельности за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 год.</w:t>
            </w:r>
          </w:p>
        </w:tc>
        <w:tc>
          <w:tcPr>
            <w:tcW w:w="1843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Январь 201</w:t>
            </w:r>
            <w:r w:rsidR="008B36E6"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</w:tc>
        <w:tc>
          <w:tcPr>
            <w:tcW w:w="1701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анеева Н.Е.</w:t>
            </w:r>
          </w:p>
        </w:tc>
        <w:tc>
          <w:tcPr>
            <w:tcW w:w="1949" w:type="dxa"/>
          </w:tcPr>
          <w:p w:rsidR="00FD555A" w:rsidRPr="00A153C4" w:rsidRDefault="00FD555A" w:rsidP="0091310D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тчет</w:t>
            </w:r>
          </w:p>
        </w:tc>
      </w:tr>
    </w:tbl>
    <w:p w:rsidR="00CA250C" w:rsidRPr="00A153C4" w:rsidRDefault="00CA250C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375619" w:rsidRPr="00A153C4" w:rsidRDefault="005A6C6A" w:rsidP="006601AC">
      <w:pPr>
        <w:rPr>
          <w:rFonts w:ascii="Times New Roman" w:hAnsi="Times New Roman" w:cs="Times New Roman"/>
          <w:b/>
          <w:bCs/>
          <w:sz w:val="24"/>
          <w:szCs w:val="24"/>
        </w:rPr>
      </w:pPr>
      <w:r w:rsidRPr="00A153C4">
        <w:rPr>
          <w:rFonts w:ascii="Times New Roman" w:hAnsi="Times New Roman" w:cs="Times New Roman"/>
          <w:b/>
          <w:bCs/>
          <w:sz w:val="24"/>
          <w:szCs w:val="24"/>
        </w:rPr>
        <w:t>Хозяйственная деятельность</w:t>
      </w:r>
    </w:p>
    <w:tbl>
      <w:tblPr>
        <w:tblStyle w:val="af"/>
        <w:tblW w:w="0" w:type="auto"/>
        <w:tblLook w:val="04A0" w:firstRow="1" w:lastRow="0" w:firstColumn="1" w:lastColumn="0" w:noHBand="0" w:noVBand="1"/>
      </w:tblPr>
      <w:tblGrid>
        <w:gridCol w:w="807"/>
        <w:gridCol w:w="4061"/>
        <w:gridCol w:w="1926"/>
        <w:gridCol w:w="1906"/>
        <w:gridCol w:w="1928"/>
      </w:tblGrid>
      <w:tr w:rsidR="005A6C6A" w:rsidRPr="00A153C4" w:rsidTr="00A93D82">
        <w:tc>
          <w:tcPr>
            <w:tcW w:w="807" w:type="dxa"/>
          </w:tcPr>
          <w:p w:rsidR="005A6C6A" w:rsidRPr="00A153C4" w:rsidRDefault="005A6C6A" w:rsidP="009670A2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№</w:t>
            </w:r>
          </w:p>
        </w:tc>
        <w:tc>
          <w:tcPr>
            <w:tcW w:w="4061" w:type="dxa"/>
          </w:tcPr>
          <w:p w:rsidR="005A6C6A" w:rsidRPr="00A153C4" w:rsidRDefault="005A6C6A" w:rsidP="009670A2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Мероприятие</w:t>
            </w:r>
          </w:p>
        </w:tc>
        <w:tc>
          <w:tcPr>
            <w:tcW w:w="1926" w:type="dxa"/>
          </w:tcPr>
          <w:p w:rsidR="005A6C6A" w:rsidRPr="00A153C4" w:rsidRDefault="005A6C6A" w:rsidP="009670A2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Сроки</w:t>
            </w:r>
          </w:p>
        </w:tc>
        <w:tc>
          <w:tcPr>
            <w:tcW w:w="1699" w:type="dxa"/>
          </w:tcPr>
          <w:p w:rsidR="005A6C6A" w:rsidRPr="00A153C4" w:rsidRDefault="005A6C6A" w:rsidP="009670A2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Ответственные</w:t>
            </w:r>
          </w:p>
        </w:tc>
        <w:tc>
          <w:tcPr>
            <w:tcW w:w="1928" w:type="dxa"/>
          </w:tcPr>
          <w:p w:rsidR="005A6C6A" w:rsidRPr="00A153C4" w:rsidRDefault="005A6C6A" w:rsidP="009670A2">
            <w:pPr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Итоговый документ</w:t>
            </w:r>
          </w:p>
        </w:tc>
      </w:tr>
      <w:tr w:rsidR="005A6C6A" w:rsidRPr="00A153C4" w:rsidTr="00A93D82">
        <w:tc>
          <w:tcPr>
            <w:tcW w:w="807" w:type="dxa"/>
          </w:tcPr>
          <w:p w:rsidR="005A6C6A" w:rsidRPr="00A153C4" w:rsidRDefault="00BA3C6A" w:rsidP="00BA3C6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4061" w:type="dxa"/>
          </w:tcPr>
          <w:p w:rsidR="005A6C6A" w:rsidRPr="00A153C4" w:rsidRDefault="005A6C6A" w:rsidP="005A6C6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оставление ежемесячного плана работы.</w:t>
            </w:r>
          </w:p>
        </w:tc>
        <w:tc>
          <w:tcPr>
            <w:tcW w:w="1926" w:type="dxa"/>
          </w:tcPr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До 25 числа каждого месяца</w:t>
            </w:r>
          </w:p>
        </w:tc>
        <w:tc>
          <w:tcPr>
            <w:tcW w:w="1699" w:type="dxa"/>
          </w:tcPr>
          <w:p w:rsidR="005A6C6A" w:rsidRPr="00A153C4" w:rsidRDefault="008B36E6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Гасматулина В.А.</w:t>
            </w:r>
          </w:p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Борискина Т.А.</w:t>
            </w:r>
          </w:p>
        </w:tc>
        <w:tc>
          <w:tcPr>
            <w:tcW w:w="1928" w:type="dxa"/>
          </w:tcPr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лан</w:t>
            </w:r>
          </w:p>
        </w:tc>
      </w:tr>
      <w:tr w:rsidR="005A6C6A" w:rsidRPr="00A153C4" w:rsidTr="00A93D82">
        <w:tc>
          <w:tcPr>
            <w:tcW w:w="807" w:type="dxa"/>
          </w:tcPr>
          <w:p w:rsidR="005A6C6A" w:rsidRPr="00A153C4" w:rsidRDefault="00BA3C6A" w:rsidP="00BA3C6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4061" w:type="dxa"/>
          </w:tcPr>
          <w:p w:rsidR="005A6C6A" w:rsidRPr="00A153C4" w:rsidRDefault="005A6C6A" w:rsidP="005A6C6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Выполнение программы энергосбережения.</w:t>
            </w:r>
          </w:p>
        </w:tc>
        <w:tc>
          <w:tcPr>
            <w:tcW w:w="1926" w:type="dxa"/>
          </w:tcPr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699" w:type="dxa"/>
          </w:tcPr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Завхоз</w:t>
            </w:r>
          </w:p>
        </w:tc>
        <w:tc>
          <w:tcPr>
            <w:tcW w:w="1928" w:type="dxa"/>
          </w:tcPr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5A6C6A" w:rsidRPr="00A153C4" w:rsidTr="00A93D82">
        <w:tc>
          <w:tcPr>
            <w:tcW w:w="807" w:type="dxa"/>
          </w:tcPr>
          <w:p w:rsidR="005A6C6A" w:rsidRPr="00A153C4" w:rsidRDefault="00BA3C6A" w:rsidP="00BA3C6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4061" w:type="dxa"/>
          </w:tcPr>
          <w:p w:rsidR="005A6C6A" w:rsidRPr="00A153C4" w:rsidRDefault="005A6C6A" w:rsidP="005A6C6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Обеспечение содержания первичных </w:t>
            </w: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lastRenderedPageBreak/>
              <w:t>средств пожаротушения.</w:t>
            </w:r>
          </w:p>
        </w:tc>
        <w:tc>
          <w:tcPr>
            <w:tcW w:w="1926" w:type="dxa"/>
          </w:tcPr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1699" w:type="dxa"/>
          </w:tcPr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Завхоз</w:t>
            </w:r>
          </w:p>
        </w:tc>
        <w:tc>
          <w:tcPr>
            <w:tcW w:w="1928" w:type="dxa"/>
          </w:tcPr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Акт, журнал</w:t>
            </w:r>
          </w:p>
        </w:tc>
      </w:tr>
      <w:tr w:rsidR="005A6C6A" w:rsidRPr="00A153C4" w:rsidTr="00A93D82">
        <w:tc>
          <w:tcPr>
            <w:tcW w:w="807" w:type="dxa"/>
          </w:tcPr>
          <w:p w:rsidR="005A6C6A" w:rsidRPr="00A153C4" w:rsidRDefault="00BA3C6A" w:rsidP="00BA3C6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4.</w:t>
            </w:r>
          </w:p>
        </w:tc>
        <w:tc>
          <w:tcPr>
            <w:tcW w:w="4061" w:type="dxa"/>
          </w:tcPr>
          <w:p w:rsidR="005A6C6A" w:rsidRPr="00A153C4" w:rsidRDefault="005A6C6A" w:rsidP="005A6C6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оведение инструктажей по охране труда и пожарной безопасности.</w:t>
            </w:r>
          </w:p>
        </w:tc>
        <w:tc>
          <w:tcPr>
            <w:tcW w:w="1926" w:type="dxa"/>
          </w:tcPr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1699" w:type="dxa"/>
          </w:tcPr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1928" w:type="dxa"/>
          </w:tcPr>
          <w:p w:rsidR="005A6C6A" w:rsidRPr="00A153C4" w:rsidRDefault="005A6C6A" w:rsidP="005A6C6A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Журнал</w:t>
            </w:r>
          </w:p>
        </w:tc>
      </w:tr>
      <w:tr w:rsidR="00A93D82" w:rsidRPr="00A153C4" w:rsidTr="00A93D82">
        <w:tc>
          <w:tcPr>
            <w:tcW w:w="807" w:type="dxa"/>
          </w:tcPr>
          <w:p w:rsidR="00A93D82" w:rsidRPr="00A153C4" w:rsidRDefault="00BA3C6A" w:rsidP="00BA3C6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4061" w:type="dxa"/>
          </w:tcPr>
          <w:p w:rsidR="00A93D82" w:rsidRPr="00A153C4" w:rsidRDefault="00A93D82" w:rsidP="005A6C6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Оформление документов по расчетам электроэнергии, водоснабжения, отопления (снятие показаний).</w:t>
            </w:r>
          </w:p>
        </w:tc>
        <w:tc>
          <w:tcPr>
            <w:tcW w:w="1926" w:type="dxa"/>
          </w:tcPr>
          <w:p w:rsidR="00A93D82" w:rsidRPr="00A153C4" w:rsidRDefault="00A93D82" w:rsidP="009670A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699" w:type="dxa"/>
          </w:tcPr>
          <w:p w:rsidR="00A93D82" w:rsidRPr="00A153C4" w:rsidRDefault="00A93D82" w:rsidP="009670A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Завхоз</w:t>
            </w:r>
          </w:p>
          <w:p w:rsidR="00A93D82" w:rsidRPr="00A153C4" w:rsidRDefault="00A93D82" w:rsidP="009670A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Бухгалтер</w:t>
            </w:r>
          </w:p>
        </w:tc>
        <w:tc>
          <w:tcPr>
            <w:tcW w:w="1928" w:type="dxa"/>
          </w:tcPr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чет-фактура</w:t>
            </w:r>
          </w:p>
        </w:tc>
      </w:tr>
      <w:tr w:rsidR="00A93D82" w:rsidRPr="00A153C4" w:rsidTr="00A93D82">
        <w:tc>
          <w:tcPr>
            <w:tcW w:w="807" w:type="dxa"/>
          </w:tcPr>
          <w:p w:rsidR="00A93D82" w:rsidRPr="00A153C4" w:rsidRDefault="00BA3C6A" w:rsidP="00BA3C6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4061" w:type="dxa"/>
          </w:tcPr>
          <w:p w:rsidR="00A93D82" w:rsidRPr="00A153C4" w:rsidRDefault="00A93D82" w:rsidP="005A6C6A">
            <w:pPr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одготовка  проекта приказов, сметы ремонтных работ, авансовые отчеты, документация по инвентаризации.</w:t>
            </w:r>
          </w:p>
        </w:tc>
        <w:tc>
          <w:tcPr>
            <w:tcW w:w="1926" w:type="dxa"/>
          </w:tcPr>
          <w:p w:rsidR="00A93D82" w:rsidRPr="00A153C4" w:rsidRDefault="00A93D82" w:rsidP="009670A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Ежемесячно</w:t>
            </w:r>
          </w:p>
        </w:tc>
        <w:tc>
          <w:tcPr>
            <w:tcW w:w="1699" w:type="dxa"/>
          </w:tcPr>
          <w:p w:rsidR="00A93D82" w:rsidRPr="00A153C4" w:rsidRDefault="00A93D82" w:rsidP="009670A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Завхоз</w:t>
            </w:r>
          </w:p>
          <w:p w:rsidR="00A93D82" w:rsidRPr="00A153C4" w:rsidRDefault="00A93D82" w:rsidP="009670A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Бухгалтер</w:t>
            </w:r>
          </w:p>
        </w:tc>
        <w:tc>
          <w:tcPr>
            <w:tcW w:w="1928" w:type="dxa"/>
          </w:tcPr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Смета</w:t>
            </w:r>
          </w:p>
        </w:tc>
      </w:tr>
      <w:tr w:rsidR="00A93D82" w:rsidRPr="00A153C4" w:rsidTr="00A93D82">
        <w:tc>
          <w:tcPr>
            <w:tcW w:w="807" w:type="dxa"/>
          </w:tcPr>
          <w:p w:rsidR="00A93D82" w:rsidRPr="00A153C4" w:rsidRDefault="00BA3C6A" w:rsidP="00BA3C6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4061" w:type="dxa"/>
          </w:tcPr>
          <w:p w:rsidR="00A93D82" w:rsidRPr="00A153C4" w:rsidRDefault="00A93D82" w:rsidP="009670A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Инвентаризация имущества.</w:t>
            </w:r>
          </w:p>
        </w:tc>
        <w:tc>
          <w:tcPr>
            <w:tcW w:w="1926" w:type="dxa"/>
          </w:tcPr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Ноябрь</w:t>
            </w:r>
          </w:p>
        </w:tc>
        <w:tc>
          <w:tcPr>
            <w:tcW w:w="1699" w:type="dxa"/>
          </w:tcPr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  <w:tc>
          <w:tcPr>
            <w:tcW w:w="1928" w:type="dxa"/>
          </w:tcPr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Приказ</w:t>
            </w:r>
          </w:p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bCs/>
                <w:sz w:val="24"/>
                <w:szCs w:val="24"/>
              </w:rPr>
              <w:t>Акт</w:t>
            </w:r>
          </w:p>
        </w:tc>
      </w:tr>
      <w:tr w:rsidR="00A93D82" w:rsidRPr="00A153C4" w:rsidTr="00A93D82">
        <w:tc>
          <w:tcPr>
            <w:tcW w:w="807" w:type="dxa"/>
          </w:tcPr>
          <w:p w:rsidR="00A93D82" w:rsidRPr="00A153C4" w:rsidRDefault="00BA3C6A" w:rsidP="00BA3C6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4061" w:type="dxa"/>
          </w:tcPr>
          <w:p w:rsidR="00A93D82" w:rsidRPr="00A153C4" w:rsidRDefault="00A93D82" w:rsidP="00A93D82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Ремонт здания.</w:t>
            </w:r>
          </w:p>
        </w:tc>
        <w:tc>
          <w:tcPr>
            <w:tcW w:w="1926" w:type="dxa"/>
          </w:tcPr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По мере финансирования</w:t>
            </w:r>
          </w:p>
        </w:tc>
        <w:tc>
          <w:tcPr>
            <w:tcW w:w="1699" w:type="dxa"/>
          </w:tcPr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  <w:tc>
          <w:tcPr>
            <w:tcW w:w="1928" w:type="dxa"/>
          </w:tcPr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A93D82" w:rsidRPr="00A153C4" w:rsidTr="00A93D82">
        <w:tc>
          <w:tcPr>
            <w:tcW w:w="807" w:type="dxa"/>
          </w:tcPr>
          <w:p w:rsidR="00A93D82" w:rsidRPr="00A153C4" w:rsidRDefault="00BA3C6A" w:rsidP="00BA3C6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9.</w:t>
            </w:r>
          </w:p>
        </w:tc>
        <w:tc>
          <w:tcPr>
            <w:tcW w:w="4061" w:type="dxa"/>
          </w:tcPr>
          <w:p w:rsidR="00A93D82" w:rsidRPr="00A153C4" w:rsidRDefault="00A93D82" w:rsidP="009670A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Благоустройство территории.</w:t>
            </w:r>
          </w:p>
        </w:tc>
        <w:tc>
          <w:tcPr>
            <w:tcW w:w="1926" w:type="dxa"/>
          </w:tcPr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1699" w:type="dxa"/>
          </w:tcPr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153C4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  <w:tc>
          <w:tcPr>
            <w:tcW w:w="1928" w:type="dxa"/>
          </w:tcPr>
          <w:p w:rsidR="00A93D82" w:rsidRPr="00A153C4" w:rsidRDefault="00A93D82" w:rsidP="00A93D82">
            <w:pPr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bookmarkEnd w:id="5"/>
    </w:tbl>
    <w:p w:rsidR="005A6C6A" w:rsidRPr="00A153C4" w:rsidRDefault="005A6C6A" w:rsidP="00FE0346">
      <w:pPr>
        <w:rPr>
          <w:rFonts w:ascii="Times New Roman" w:hAnsi="Times New Roman" w:cs="Times New Roman"/>
          <w:bCs/>
          <w:sz w:val="24"/>
          <w:szCs w:val="24"/>
        </w:rPr>
      </w:pPr>
    </w:p>
    <w:sectPr w:rsidR="005A6C6A" w:rsidRPr="00A153C4" w:rsidSect="00033BE1">
      <w:footerReference w:type="default" r:id="rId9"/>
      <w:pgSz w:w="11906" w:h="16838"/>
      <w:pgMar w:top="533" w:right="567" w:bottom="1134" w:left="851" w:header="0" w:footer="729" w:gutter="0"/>
      <w:pgBorders w:offsetFrom="page">
        <w:top w:val="thinThickSmallGap" w:sz="12" w:space="24" w:color="000080"/>
        <w:left w:val="thinThickSmallGap" w:sz="12" w:space="24" w:color="000080"/>
        <w:bottom w:val="thickThinSmallGap" w:sz="12" w:space="24" w:color="000080"/>
        <w:right w:val="thickThinSmallGap" w:sz="12" w:space="24" w:color="000080"/>
      </w:pgBorders>
      <w:cols w:space="720"/>
      <w:docGrid w:linePitch="299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967D48" w:rsidRDefault="00967D48" w:rsidP="00BE1441">
      <w:pPr>
        <w:spacing w:after="0" w:line="240" w:lineRule="auto"/>
      </w:pPr>
      <w:r>
        <w:separator/>
      </w:r>
    </w:p>
  </w:endnote>
  <w:endnote w:type="continuationSeparator" w:id="0">
    <w:p w:rsidR="00967D48" w:rsidRDefault="00967D48" w:rsidP="00BE144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0467B" w:rsidRDefault="00C62DED" w:rsidP="007B3235">
    <w:pPr>
      <w:pStyle w:val="a5"/>
      <w:framePr w:wrap="auto" w:vAnchor="text" w:hAnchor="margin" w:xAlign="right" w:y="1"/>
      <w:rPr>
        <w:rStyle w:val="a7"/>
      </w:rPr>
    </w:pPr>
    <w:r>
      <w:rPr>
        <w:rStyle w:val="a7"/>
      </w:rPr>
      <w:fldChar w:fldCharType="begin"/>
    </w:r>
    <w:r w:rsidR="0020467B">
      <w:rPr>
        <w:rStyle w:val="a7"/>
      </w:rPr>
      <w:instrText xml:space="preserve">PAGE  </w:instrText>
    </w:r>
    <w:r>
      <w:rPr>
        <w:rStyle w:val="a7"/>
      </w:rPr>
      <w:fldChar w:fldCharType="separate"/>
    </w:r>
    <w:r w:rsidR="00033BE1">
      <w:rPr>
        <w:rStyle w:val="a7"/>
        <w:noProof/>
      </w:rPr>
      <w:t>1</w:t>
    </w:r>
    <w:r>
      <w:rPr>
        <w:rStyle w:val="a7"/>
      </w:rPr>
      <w:fldChar w:fldCharType="end"/>
    </w:r>
  </w:p>
  <w:p w:rsidR="0020467B" w:rsidRDefault="0020467B" w:rsidP="007B3235">
    <w:pPr>
      <w:pStyle w:val="a5"/>
      <w:ind w:right="360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967D48" w:rsidRDefault="00967D48" w:rsidP="00BE1441">
      <w:pPr>
        <w:spacing w:after="0" w:line="240" w:lineRule="auto"/>
      </w:pPr>
      <w:r>
        <w:separator/>
      </w:r>
    </w:p>
  </w:footnote>
  <w:footnote w:type="continuationSeparator" w:id="0">
    <w:p w:rsidR="00967D48" w:rsidRDefault="00967D48" w:rsidP="00BE1441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42" type="#_x0000_t75" style="width:11.25pt;height:11.25pt" o:bullet="t">
        <v:imagedata r:id="rId1" o:title=""/>
      </v:shape>
    </w:pict>
  </w:numPicBullet>
  <w:numPicBullet w:numPicBulletId="1">
    <w:pict>
      <v:shape id="_x0000_i1043" type="#_x0000_t75" style="width:9pt;height:9pt" o:bullet="t">
        <v:imagedata r:id="rId2" o:title=""/>
      </v:shape>
    </w:pict>
  </w:numPicBullet>
  <w:numPicBullet w:numPicBulletId="2">
    <w:pict>
      <v:shape id="_x0000_i1044" type="#_x0000_t75" style="width:9pt;height:9pt" o:bullet="t">
        <v:imagedata r:id="rId3" o:title=""/>
      </v:shape>
    </w:pict>
  </w:numPicBullet>
  <w:numPicBullet w:numPicBulletId="3">
    <w:pict>
      <v:shape id="_x0000_i1045" type="#_x0000_t75" style="width:11.25pt;height:5.25pt" o:bullet="t">
        <v:imagedata r:id="rId4" o:title="clip_image001"/>
      </v:shape>
    </w:pict>
  </w:numPicBullet>
  <w:abstractNum w:abstractNumId="0">
    <w:nsid w:val="01A964EB"/>
    <w:multiLevelType w:val="hybridMultilevel"/>
    <w:tmpl w:val="8D2C466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02C62636"/>
    <w:multiLevelType w:val="hybridMultilevel"/>
    <w:tmpl w:val="45A40044"/>
    <w:lvl w:ilvl="0" w:tplc="04190005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color w:val="auto"/>
        <w:sz w:val="12"/>
      </w:rPr>
    </w:lvl>
    <w:lvl w:ilvl="1" w:tplc="A4A6E79A">
      <w:start w:val="1"/>
      <w:numFmt w:val="bullet"/>
      <w:lvlText w:val=""/>
      <w:lvlPicBulletId w:val="3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color w:val="auto"/>
        <w:sz w:val="12"/>
      </w:r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>
    <w:nsid w:val="05802E57"/>
    <w:multiLevelType w:val="multilevel"/>
    <w:tmpl w:val="04190021"/>
    <w:lvl w:ilvl="0">
      <w:start w:val="1"/>
      <w:numFmt w:val="bullet"/>
      <w:lvlText w:val="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</w:abstractNum>
  <w:abstractNum w:abstractNumId="3">
    <w:nsid w:val="059E3D3F"/>
    <w:multiLevelType w:val="hybridMultilevel"/>
    <w:tmpl w:val="917CB77C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06341DE1"/>
    <w:multiLevelType w:val="hybridMultilevel"/>
    <w:tmpl w:val="CF3E3BAC"/>
    <w:lvl w:ilvl="0" w:tplc="0419000B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cs="Wingdings" w:hint="default"/>
      </w:rPr>
    </w:lvl>
    <w:lvl w:ilvl="1" w:tplc="041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cs="Wingdings" w:hint="default"/>
      </w:rPr>
    </w:lvl>
    <w:lvl w:ilvl="3" w:tplc="041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Symbol" w:hint="default"/>
      </w:rPr>
    </w:lvl>
    <w:lvl w:ilvl="4" w:tplc="04190003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cs="Wingdings" w:hint="default"/>
      </w:rPr>
    </w:lvl>
    <w:lvl w:ilvl="6" w:tplc="0419000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cs="Symbol" w:hint="default"/>
      </w:rPr>
    </w:lvl>
    <w:lvl w:ilvl="7" w:tplc="04190003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cs="Wingdings" w:hint="default"/>
      </w:rPr>
    </w:lvl>
  </w:abstractNum>
  <w:abstractNum w:abstractNumId="5">
    <w:nsid w:val="0A0521DF"/>
    <w:multiLevelType w:val="multilevel"/>
    <w:tmpl w:val="029A14EE"/>
    <w:lvl w:ilvl="0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cs="Wingdings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cs="Wingdings" w:hint="default"/>
      </w:rPr>
    </w:lvl>
  </w:abstractNum>
  <w:abstractNum w:abstractNumId="6">
    <w:nsid w:val="1336413D"/>
    <w:multiLevelType w:val="multilevel"/>
    <w:tmpl w:val="16AAD3E2"/>
    <w:lvl w:ilvl="0">
      <w:start w:val="1"/>
      <w:numFmt w:val="bullet"/>
      <w:lvlText w:val=""/>
      <w:lvlPicBulletId w:val="0"/>
      <w:lvlJc w:val="left"/>
      <w:pPr>
        <w:tabs>
          <w:tab w:val="num" w:pos="720"/>
        </w:tabs>
        <w:ind w:left="720" w:hanging="360"/>
      </w:pPr>
      <w:rPr>
        <w:rFonts w:ascii="Wingdings" w:hAnsi="Wingdings" w:cs="Wingdings" w:hint="default"/>
      </w:rPr>
    </w:lvl>
    <w:lvl w:ilvl="1">
      <w:start w:val="1"/>
      <w:numFmt w:val="bullet"/>
      <w:lvlText w:val=""/>
      <w:lvlPicBulletId w:val="1"/>
      <w:lvlJc w:val="left"/>
      <w:pPr>
        <w:tabs>
          <w:tab w:val="num" w:pos="1080"/>
        </w:tabs>
        <w:ind w:left="1080" w:hanging="360"/>
      </w:pPr>
      <w:rPr>
        <w:rFonts w:ascii="Wingdings" w:hAnsi="Wingdings" w:cs="Wingdings" w:hint="default"/>
      </w:rPr>
    </w:lvl>
    <w:lvl w:ilvl="2">
      <w:start w:val="1"/>
      <w:numFmt w:val="bullet"/>
      <w:lvlText w:val=""/>
      <w:lvlPicBulletId w:val="2"/>
      <w:lvlJc w:val="left"/>
      <w:pPr>
        <w:tabs>
          <w:tab w:val="num" w:pos="1440"/>
        </w:tabs>
        <w:ind w:left="144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cs="Symbol" w:hint="default"/>
      </w:rPr>
    </w:lvl>
    <w:lvl w:ilvl="4">
      <w:start w:val="1"/>
      <w:numFmt w:val="bullet"/>
      <w:lvlText w:val=""/>
      <w:lvlJc w:val="left"/>
      <w:pPr>
        <w:tabs>
          <w:tab w:val="num" w:pos="2160"/>
        </w:tabs>
        <w:ind w:left="2160" w:hanging="360"/>
      </w:pPr>
      <w:rPr>
        <w:rFonts w:ascii="Symbol" w:hAnsi="Symbol" w:cs="Symbol" w:hint="default"/>
      </w:rPr>
    </w:lvl>
    <w:lvl w:ilvl="5">
      <w:start w:val="1"/>
      <w:numFmt w:val="bullet"/>
      <w:lvlText w:val=""/>
      <w:lvlJc w:val="left"/>
      <w:pPr>
        <w:tabs>
          <w:tab w:val="num" w:pos="2520"/>
        </w:tabs>
        <w:ind w:left="25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cs="Wingdings" w:hint="default"/>
      </w:rPr>
    </w:lvl>
    <w:lvl w:ilvl="7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cs="Symbol" w:hint="default"/>
      </w:rPr>
    </w:lvl>
    <w:lvl w:ilvl="8">
      <w:start w:val="1"/>
      <w:numFmt w:val="bullet"/>
      <w:lvlText w:val=""/>
      <w:lvlJc w:val="left"/>
      <w:pPr>
        <w:tabs>
          <w:tab w:val="num" w:pos="3600"/>
        </w:tabs>
        <w:ind w:left="3600" w:hanging="360"/>
      </w:pPr>
      <w:rPr>
        <w:rFonts w:ascii="Symbol" w:hAnsi="Symbol" w:cs="Symbol" w:hint="default"/>
      </w:rPr>
    </w:lvl>
  </w:abstractNum>
  <w:abstractNum w:abstractNumId="7">
    <w:nsid w:val="13FD7CF1"/>
    <w:multiLevelType w:val="hybridMultilevel"/>
    <w:tmpl w:val="27E25030"/>
    <w:lvl w:ilvl="0" w:tplc="0419000B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1" w:tplc="0419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hint="default"/>
      </w:rPr>
    </w:lvl>
    <w:lvl w:ilvl="2" w:tplc="0419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hint="default"/>
      </w:rPr>
    </w:lvl>
    <w:lvl w:ilvl="5" w:tplc="0419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hint="default"/>
      </w:rPr>
    </w:lvl>
    <w:lvl w:ilvl="8" w:tplc="0419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8">
    <w:nsid w:val="151B64DD"/>
    <w:multiLevelType w:val="hybridMultilevel"/>
    <w:tmpl w:val="8556BCAA"/>
    <w:lvl w:ilvl="0" w:tplc="041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cs="Symbol" w:hint="default"/>
      </w:rPr>
    </w:lvl>
    <w:lvl w:ilvl="1" w:tplc="041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cs="Wingdings" w:hint="default"/>
      </w:rPr>
    </w:lvl>
    <w:lvl w:ilvl="3" w:tplc="041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Symbol" w:hint="default"/>
      </w:rPr>
    </w:lvl>
    <w:lvl w:ilvl="4" w:tplc="04190003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cs="Wingdings" w:hint="default"/>
      </w:rPr>
    </w:lvl>
    <w:lvl w:ilvl="6" w:tplc="0419000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cs="Symbol" w:hint="default"/>
      </w:rPr>
    </w:lvl>
    <w:lvl w:ilvl="7" w:tplc="04190003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cs="Wingdings" w:hint="default"/>
      </w:rPr>
    </w:lvl>
  </w:abstractNum>
  <w:abstractNum w:abstractNumId="9">
    <w:nsid w:val="1621246A"/>
    <w:multiLevelType w:val="hybridMultilevel"/>
    <w:tmpl w:val="4EFECFD0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>
    <w:nsid w:val="18662CBA"/>
    <w:multiLevelType w:val="multilevel"/>
    <w:tmpl w:val="0E8464A2"/>
    <w:lvl w:ilvl="0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cs="Wingdings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cs="Wingdings" w:hint="default"/>
      </w:rPr>
    </w:lvl>
  </w:abstractNum>
  <w:abstractNum w:abstractNumId="11">
    <w:nsid w:val="1FBC25BC"/>
    <w:multiLevelType w:val="hybridMultilevel"/>
    <w:tmpl w:val="B406F4E2"/>
    <w:lvl w:ilvl="0" w:tplc="588C73F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080" w:hanging="360"/>
      </w:pPr>
    </w:lvl>
    <w:lvl w:ilvl="2" w:tplc="0419001B" w:tentative="1">
      <w:start w:val="1"/>
      <w:numFmt w:val="lowerRoman"/>
      <w:lvlText w:val="%3."/>
      <w:lvlJc w:val="right"/>
      <w:pPr>
        <w:ind w:left="1800" w:hanging="180"/>
      </w:pPr>
    </w:lvl>
    <w:lvl w:ilvl="3" w:tplc="0419000F" w:tentative="1">
      <w:start w:val="1"/>
      <w:numFmt w:val="decimal"/>
      <w:lvlText w:val="%4."/>
      <w:lvlJc w:val="left"/>
      <w:pPr>
        <w:ind w:left="2520" w:hanging="360"/>
      </w:pPr>
    </w:lvl>
    <w:lvl w:ilvl="4" w:tplc="04190019" w:tentative="1">
      <w:start w:val="1"/>
      <w:numFmt w:val="lowerLetter"/>
      <w:lvlText w:val="%5."/>
      <w:lvlJc w:val="left"/>
      <w:pPr>
        <w:ind w:left="3240" w:hanging="360"/>
      </w:pPr>
    </w:lvl>
    <w:lvl w:ilvl="5" w:tplc="0419001B" w:tentative="1">
      <w:start w:val="1"/>
      <w:numFmt w:val="lowerRoman"/>
      <w:lvlText w:val="%6."/>
      <w:lvlJc w:val="right"/>
      <w:pPr>
        <w:ind w:left="3960" w:hanging="180"/>
      </w:pPr>
    </w:lvl>
    <w:lvl w:ilvl="6" w:tplc="0419000F" w:tentative="1">
      <w:start w:val="1"/>
      <w:numFmt w:val="decimal"/>
      <w:lvlText w:val="%7."/>
      <w:lvlJc w:val="left"/>
      <w:pPr>
        <w:ind w:left="4680" w:hanging="360"/>
      </w:pPr>
    </w:lvl>
    <w:lvl w:ilvl="7" w:tplc="04190019" w:tentative="1">
      <w:start w:val="1"/>
      <w:numFmt w:val="lowerLetter"/>
      <w:lvlText w:val="%8."/>
      <w:lvlJc w:val="left"/>
      <w:pPr>
        <w:ind w:left="5400" w:hanging="360"/>
      </w:pPr>
    </w:lvl>
    <w:lvl w:ilvl="8" w:tplc="041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>
    <w:nsid w:val="29375BBD"/>
    <w:multiLevelType w:val="multilevel"/>
    <w:tmpl w:val="61F456B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4"/>
      <w:numFmt w:val="decimal"/>
      <w:isLgl/>
      <w:lvlText w:val="%1.%2"/>
      <w:lvlJc w:val="left"/>
      <w:pPr>
        <w:ind w:left="372" w:hanging="372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3">
    <w:nsid w:val="2B022331"/>
    <w:multiLevelType w:val="singleLevel"/>
    <w:tmpl w:val="04190001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cs="Symbol" w:hint="default"/>
      </w:rPr>
    </w:lvl>
  </w:abstractNum>
  <w:abstractNum w:abstractNumId="14">
    <w:nsid w:val="2CF26B24"/>
    <w:multiLevelType w:val="hybridMultilevel"/>
    <w:tmpl w:val="270E865E"/>
    <w:lvl w:ilvl="0" w:tplc="041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cs="Symbol" w:hint="default"/>
      </w:rPr>
    </w:lvl>
    <w:lvl w:ilvl="1" w:tplc="041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cs="Wingdings" w:hint="default"/>
      </w:rPr>
    </w:lvl>
    <w:lvl w:ilvl="3" w:tplc="041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Symbol" w:hint="default"/>
      </w:rPr>
    </w:lvl>
    <w:lvl w:ilvl="4" w:tplc="04190003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cs="Wingdings" w:hint="default"/>
      </w:rPr>
    </w:lvl>
    <w:lvl w:ilvl="6" w:tplc="0419000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cs="Symbol" w:hint="default"/>
      </w:rPr>
    </w:lvl>
    <w:lvl w:ilvl="7" w:tplc="04190003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cs="Wingdings" w:hint="default"/>
      </w:rPr>
    </w:lvl>
  </w:abstractNum>
  <w:abstractNum w:abstractNumId="15">
    <w:nsid w:val="2D584CC0"/>
    <w:multiLevelType w:val="hybridMultilevel"/>
    <w:tmpl w:val="E5EE665C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>
    <w:nsid w:val="2E371D78"/>
    <w:multiLevelType w:val="multilevel"/>
    <w:tmpl w:val="041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7">
    <w:nsid w:val="2F37180E"/>
    <w:multiLevelType w:val="hybridMultilevel"/>
    <w:tmpl w:val="0E8464A2"/>
    <w:lvl w:ilvl="0" w:tplc="0419000B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cs="Wingdings" w:hint="default"/>
      </w:rPr>
    </w:lvl>
    <w:lvl w:ilvl="1" w:tplc="041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cs="Wingdings" w:hint="default"/>
      </w:rPr>
    </w:lvl>
    <w:lvl w:ilvl="3" w:tplc="041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Symbol" w:hint="default"/>
      </w:rPr>
    </w:lvl>
    <w:lvl w:ilvl="4" w:tplc="04190003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cs="Wingdings" w:hint="default"/>
      </w:rPr>
    </w:lvl>
    <w:lvl w:ilvl="6" w:tplc="0419000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cs="Symbol" w:hint="default"/>
      </w:rPr>
    </w:lvl>
    <w:lvl w:ilvl="7" w:tplc="04190003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cs="Wingdings" w:hint="default"/>
      </w:rPr>
    </w:lvl>
  </w:abstractNum>
  <w:abstractNum w:abstractNumId="18">
    <w:nsid w:val="30A144D6"/>
    <w:multiLevelType w:val="multilevel"/>
    <w:tmpl w:val="B1D82D28"/>
    <w:lvl w:ilvl="0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cs="Wingdings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cs="Wingdings" w:hint="default"/>
      </w:rPr>
    </w:lvl>
  </w:abstractNum>
  <w:abstractNum w:abstractNumId="19">
    <w:nsid w:val="323420B1"/>
    <w:multiLevelType w:val="hybridMultilevel"/>
    <w:tmpl w:val="B87CE8E6"/>
    <w:lvl w:ilvl="0" w:tplc="71ECDAD8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302ED55C">
      <w:numFmt w:val="none"/>
      <w:lvlText w:val=""/>
      <w:lvlJc w:val="left"/>
      <w:pPr>
        <w:tabs>
          <w:tab w:val="num" w:pos="360"/>
        </w:tabs>
      </w:pPr>
    </w:lvl>
    <w:lvl w:ilvl="2" w:tplc="EB14E4D0">
      <w:numFmt w:val="none"/>
      <w:lvlText w:val=""/>
      <w:lvlJc w:val="left"/>
      <w:pPr>
        <w:tabs>
          <w:tab w:val="num" w:pos="360"/>
        </w:tabs>
      </w:pPr>
    </w:lvl>
    <w:lvl w:ilvl="3" w:tplc="7ACC78E2">
      <w:numFmt w:val="none"/>
      <w:lvlText w:val=""/>
      <w:lvlJc w:val="left"/>
      <w:pPr>
        <w:tabs>
          <w:tab w:val="num" w:pos="360"/>
        </w:tabs>
      </w:pPr>
    </w:lvl>
    <w:lvl w:ilvl="4" w:tplc="17AC7136">
      <w:numFmt w:val="none"/>
      <w:lvlText w:val=""/>
      <w:lvlJc w:val="left"/>
      <w:pPr>
        <w:tabs>
          <w:tab w:val="num" w:pos="360"/>
        </w:tabs>
      </w:pPr>
    </w:lvl>
    <w:lvl w:ilvl="5" w:tplc="8A44C488">
      <w:numFmt w:val="none"/>
      <w:lvlText w:val=""/>
      <w:lvlJc w:val="left"/>
      <w:pPr>
        <w:tabs>
          <w:tab w:val="num" w:pos="360"/>
        </w:tabs>
      </w:pPr>
    </w:lvl>
    <w:lvl w:ilvl="6" w:tplc="1734A304">
      <w:numFmt w:val="none"/>
      <w:lvlText w:val=""/>
      <w:lvlJc w:val="left"/>
      <w:pPr>
        <w:tabs>
          <w:tab w:val="num" w:pos="360"/>
        </w:tabs>
      </w:pPr>
    </w:lvl>
    <w:lvl w:ilvl="7" w:tplc="3DE83DCA">
      <w:numFmt w:val="none"/>
      <w:lvlText w:val=""/>
      <w:lvlJc w:val="left"/>
      <w:pPr>
        <w:tabs>
          <w:tab w:val="num" w:pos="360"/>
        </w:tabs>
      </w:pPr>
    </w:lvl>
    <w:lvl w:ilvl="8" w:tplc="EEA86586">
      <w:numFmt w:val="none"/>
      <w:lvlText w:val=""/>
      <w:lvlJc w:val="left"/>
      <w:pPr>
        <w:tabs>
          <w:tab w:val="num" w:pos="360"/>
        </w:tabs>
      </w:pPr>
    </w:lvl>
  </w:abstractNum>
  <w:abstractNum w:abstractNumId="20">
    <w:nsid w:val="351C4224"/>
    <w:multiLevelType w:val="multilevel"/>
    <w:tmpl w:val="041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1">
    <w:nsid w:val="39BE5E82"/>
    <w:multiLevelType w:val="hybridMultilevel"/>
    <w:tmpl w:val="6B96DB40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3BB424F1"/>
    <w:multiLevelType w:val="hybridMultilevel"/>
    <w:tmpl w:val="B1D82D28"/>
    <w:lvl w:ilvl="0" w:tplc="04190005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cs="Wingdings" w:hint="default"/>
      </w:rPr>
    </w:lvl>
    <w:lvl w:ilvl="1" w:tplc="041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cs="Wingdings" w:hint="default"/>
      </w:rPr>
    </w:lvl>
    <w:lvl w:ilvl="3" w:tplc="041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Symbol" w:hint="default"/>
      </w:rPr>
    </w:lvl>
    <w:lvl w:ilvl="4" w:tplc="04190003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cs="Wingdings" w:hint="default"/>
      </w:rPr>
    </w:lvl>
    <w:lvl w:ilvl="6" w:tplc="0419000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cs="Symbol" w:hint="default"/>
      </w:rPr>
    </w:lvl>
    <w:lvl w:ilvl="7" w:tplc="04190003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cs="Wingdings" w:hint="default"/>
      </w:rPr>
    </w:lvl>
  </w:abstractNum>
  <w:abstractNum w:abstractNumId="23">
    <w:nsid w:val="3F3E5C39"/>
    <w:multiLevelType w:val="singleLevel"/>
    <w:tmpl w:val="04190001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cs="Symbol" w:hint="default"/>
      </w:rPr>
    </w:lvl>
  </w:abstractNum>
  <w:abstractNum w:abstractNumId="24">
    <w:nsid w:val="410069C1"/>
    <w:multiLevelType w:val="multilevel"/>
    <w:tmpl w:val="04190021"/>
    <w:lvl w:ilvl="0">
      <w:start w:val="1"/>
      <w:numFmt w:val="bullet"/>
      <w:lvlText w:val="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</w:abstractNum>
  <w:abstractNum w:abstractNumId="25">
    <w:nsid w:val="44C443CA"/>
    <w:multiLevelType w:val="singleLevel"/>
    <w:tmpl w:val="041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cs="Symbol" w:hint="default"/>
      </w:rPr>
    </w:lvl>
  </w:abstractNum>
  <w:abstractNum w:abstractNumId="26">
    <w:nsid w:val="45D678F0"/>
    <w:multiLevelType w:val="hybridMultilevel"/>
    <w:tmpl w:val="B86C7C32"/>
    <w:lvl w:ilvl="0" w:tplc="04190001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cs="Symbol" w:hint="default"/>
      </w:rPr>
    </w:lvl>
    <w:lvl w:ilvl="1" w:tplc="04190003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cs="Wingdings" w:hint="default"/>
      </w:rPr>
    </w:lvl>
    <w:lvl w:ilvl="3" w:tplc="0419000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cs="Symbol" w:hint="default"/>
      </w:rPr>
    </w:lvl>
    <w:lvl w:ilvl="4" w:tplc="04190003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cs="Wingdings" w:hint="default"/>
      </w:rPr>
    </w:lvl>
    <w:lvl w:ilvl="6" w:tplc="0419000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cs="Symbol" w:hint="default"/>
      </w:rPr>
    </w:lvl>
    <w:lvl w:ilvl="7" w:tplc="04190003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cs="Wingdings" w:hint="default"/>
      </w:rPr>
    </w:lvl>
  </w:abstractNum>
  <w:abstractNum w:abstractNumId="27">
    <w:nsid w:val="46CC3347"/>
    <w:multiLevelType w:val="hybridMultilevel"/>
    <w:tmpl w:val="BB28705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47CF05E8"/>
    <w:multiLevelType w:val="multilevel"/>
    <w:tmpl w:val="04190021"/>
    <w:lvl w:ilvl="0">
      <w:start w:val="1"/>
      <w:numFmt w:val="bullet"/>
      <w:lvlText w:val="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</w:abstractNum>
  <w:abstractNum w:abstractNumId="29">
    <w:nsid w:val="4CC261C3"/>
    <w:multiLevelType w:val="hybridMultilevel"/>
    <w:tmpl w:val="810AD764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4D592312"/>
    <w:multiLevelType w:val="hybridMultilevel"/>
    <w:tmpl w:val="C1A0B6BC"/>
    <w:lvl w:ilvl="0" w:tplc="588C73F4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F9A8535A">
      <w:numFmt w:val="none"/>
      <w:lvlText w:val=""/>
      <w:lvlJc w:val="left"/>
      <w:pPr>
        <w:tabs>
          <w:tab w:val="num" w:pos="360"/>
        </w:tabs>
      </w:pPr>
    </w:lvl>
    <w:lvl w:ilvl="2" w:tplc="036EDE6A">
      <w:numFmt w:val="none"/>
      <w:lvlText w:val=""/>
      <w:lvlJc w:val="left"/>
      <w:pPr>
        <w:tabs>
          <w:tab w:val="num" w:pos="360"/>
        </w:tabs>
      </w:pPr>
    </w:lvl>
    <w:lvl w:ilvl="3" w:tplc="48F66052">
      <w:numFmt w:val="none"/>
      <w:lvlText w:val=""/>
      <w:lvlJc w:val="left"/>
      <w:pPr>
        <w:tabs>
          <w:tab w:val="num" w:pos="360"/>
        </w:tabs>
      </w:pPr>
    </w:lvl>
    <w:lvl w:ilvl="4" w:tplc="84261788">
      <w:numFmt w:val="none"/>
      <w:lvlText w:val=""/>
      <w:lvlJc w:val="left"/>
      <w:pPr>
        <w:tabs>
          <w:tab w:val="num" w:pos="360"/>
        </w:tabs>
      </w:pPr>
    </w:lvl>
    <w:lvl w:ilvl="5" w:tplc="433A9E1E">
      <w:numFmt w:val="none"/>
      <w:lvlText w:val=""/>
      <w:lvlJc w:val="left"/>
      <w:pPr>
        <w:tabs>
          <w:tab w:val="num" w:pos="360"/>
        </w:tabs>
      </w:pPr>
    </w:lvl>
    <w:lvl w:ilvl="6" w:tplc="823E2190">
      <w:numFmt w:val="none"/>
      <w:lvlText w:val=""/>
      <w:lvlJc w:val="left"/>
      <w:pPr>
        <w:tabs>
          <w:tab w:val="num" w:pos="360"/>
        </w:tabs>
      </w:pPr>
    </w:lvl>
    <w:lvl w:ilvl="7" w:tplc="0C02E6EA">
      <w:numFmt w:val="none"/>
      <w:lvlText w:val=""/>
      <w:lvlJc w:val="left"/>
      <w:pPr>
        <w:tabs>
          <w:tab w:val="num" w:pos="360"/>
        </w:tabs>
      </w:pPr>
    </w:lvl>
    <w:lvl w:ilvl="8" w:tplc="4D52C5DE">
      <w:numFmt w:val="none"/>
      <w:lvlText w:val=""/>
      <w:lvlJc w:val="left"/>
      <w:pPr>
        <w:tabs>
          <w:tab w:val="num" w:pos="360"/>
        </w:tabs>
      </w:pPr>
    </w:lvl>
  </w:abstractNum>
  <w:abstractNum w:abstractNumId="31">
    <w:nsid w:val="4EA72E9F"/>
    <w:multiLevelType w:val="hybridMultilevel"/>
    <w:tmpl w:val="6BF4CA4A"/>
    <w:lvl w:ilvl="0" w:tplc="04190005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color w:val="auto"/>
        <w:sz w:val="12"/>
      </w:rPr>
    </w:lvl>
    <w:lvl w:ilvl="1" w:tplc="041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2">
    <w:nsid w:val="50131F0B"/>
    <w:multiLevelType w:val="hybridMultilevel"/>
    <w:tmpl w:val="46FE0E28"/>
    <w:lvl w:ilvl="0" w:tplc="04190005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color w:val="auto"/>
        <w:sz w:val="12"/>
      </w:rPr>
    </w:lvl>
    <w:lvl w:ilvl="1" w:tplc="041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3">
    <w:nsid w:val="5325039C"/>
    <w:multiLevelType w:val="hybridMultilevel"/>
    <w:tmpl w:val="2B0CF87C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5C0F78AB"/>
    <w:multiLevelType w:val="hybridMultilevel"/>
    <w:tmpl w:val="029A14EE"/>
    <w:lvl w:ilvl="0" w:tplc="04190005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cs="Wingdings" w:hint="default"/>
      </w:rPr>
    </w:lvl>
    <w:lvl w:ilvl="1" w:tplc="041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cs="Wingdings" w:hint="default"/>
      </w:rPr>
    </w:lvl>
    <w:lvl w:ilvl="3" w:tplc="041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Symbol" w:hint="default"/>
      </w:rPr>
    </w:lvl>
    <w:lvl w:ilvl="4" w:tplc="04190003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cs="Wingdings" w:hint="default"/>
      </w:rPr>
    </w:lvl>
    <w:lvl w:ilvl="6" w:tplc="0419000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cs="Symbol" w:hint="default"/>
      </w:rPr>
    </w:lvl>
    <w:lvl w:ilvl="7" w:tplc="04190003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cs="Wingdings" w:hint="default"/>
      </w:rPr>
    </w:lvl>
  </w:abstractNum>
  <w:abstractNum w:abstractNumId="35">
    <w:nsid w:val="5DC638D8"/>
    <w:multiLevelType w:val="hybridMultilevel"/>
    <w:tmpl w:val="E128445E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604806ED"/>
    <w:multiLevelType w:val="hybridMultilevel"/>
    <w:tmpl w:val="D084EAA0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>
    <w:nsid w:val="60F0344B"/>
    <w:multiLevelType w:val="hybridMultilevel"/>
    <w:tmpl w:val="D1AA121A"/>
    <w:lvl w:ilvl="0" w:tplc="588C73F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080" w:hanging="360"/>
      </w:pPr>
    </w:lvl>
    <w:lvl w:ilvl="2" w:tplc="0419001B" w:tentative="1">
      <w:start w:val="1"/>
      <w:numFmt w:val="lowerRoman"/>
      <w:lvlText w:val="%3."/>
      <w:lvlJc w:val="right"/>
      <w:pPr>
        <w:ind w:left="1800" w:hanging="180"/>
      </w:pPr>
    </w:lvl>
    <w:lvl w:ilvl="3" w:tplc="0419000F" w:tentative="1">
      <w:start w:val="1"/>
      <w:numFmt w:val="decimal"/>
      <w:lvlText w:val="%4."/>
      <w:lvlJc w:val="left"/>
      <w:pPr>
        <w:ind w:left="2520" w:hanging="360"/>
      </w:pPr>
    </w:lvl>
    <w:lvl w:ilvl="4" w:tplc="04190019" w:tentative="1">
      <w:start w:val="1"/>
      <w:numFmt w:val="lowerLetter"/>
      <w:lvlText w:val="%5."/>
      <w:lvlJc w:val="left"/>
      <w:pPr>
        <w:ind w:left="3240" w:hanging="360"/>
      </w:pPr>
    </w:lvl>
    <w:lvl w:ilvl="5" w:tplc="0419001B" w:tentative="1">
      <w:start w:val="1"/>
      <w:numFmt w:val="lowerRoman"/>
      <w:lvlText w:val="%6."/>
      <w:lvlJc w:val="right"/>
      <w:pPr>
        <w:ind w:left="3960" w:hanging="180"/>
      </w:pPr>
    </w:lvl>
    <w:lvl w:ilvl="6" w:tplc="0419000F" w:tentative="1">
      <w:start w:val="1"/>
      <w:numFmt w:val="decimal"/>
      <w:lvlText w:val="%7."/>
      <w:lvlJc w:val="left"/>
      <w:pPr>
        <w:ind w:left="4680" w:hanging="360"/>
      </w:pPr>
    </w:lvl>
    <w:lvl w:ilvl="7" w:tplc="04190019" w:tentative="1">
      <w:start w:val="1"/>
      <w:numFmt w:val="lowerLetter"/>
      <w:lvlText w:val="%8."/>
      <w:lvlJc w:val="left"/>
      <w:pPr>
        <w:ind w:left="5400" w:hanging="360"/>
      </w:pPr>
    </w:lvl>
    <w:lvl w:ilvl="8" w:tplc="041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8">
    <w:nsid w:val="61F23DCE"/>
    <w:multiLevelType w:val="hybridMultilevel"/>
    <w:tmpl w:val="0F6C04FE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9">
    <w:nsid w:val="664F2009"/>
    <w:multiLevelType w:val="singleLevel"/>
    <w:tmpl w:val="04190001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cs="Symbol" w:hint="default"/>
      </w:rPr>
    </w:lvl>
  </w:abstractNum>
  <w:abstractNum w:abstractNumId="40">
    <w:nsid w:val="6E03314E"/>
    <w:multiLevelType w:val="hybridMultilevel"/>
    <w:tmpl w:val="2BDC00F4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1">
    <w:nsid w:val="6E3A06C0"/>
    <w:multiLevelType w:val="multilevel"/>
    <w:tmpl w:val="6D1E9F84"/>
    <w:lvl w:ilvl="0">
      <w:start w:val="2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tabs>
          <w:tab w:val="num" w:pos="1260"/>
        </w:tabs>
        <w:ind w:left="12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2520"/>
        </w:tabs>
        <w:ind w:left="25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3420"/>
        </w:tabs>
        <w:ind w:left="34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4680"/>
        </w:tabs>
        <w:ind w:left="46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5580"/>
        </w:tabs>
        <w:ind w:left="55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6840"/>
        </w:tabs>
        <w:ind w:left="68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7740"/>
        </w:tabs>
        <w:ind w:left="77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9000"/>
        </w:tabs>
        <w:ind w:left="9000" w:hanging="1800"/>
      </w:pPr>
      <w:rPr>
        <w:rFonts w:hint="default"/>
      </w:rPr>
    </w:lvl>
  </w:abstractNum>
  <w:abstractNum w:abstractNumId="42">
    <w:nsid w:val="73C065FB"/>
    <w:multiLevelType w:val="hybridMultilevel"/>
    <w:tmpl w:val="AA2253AE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3">
    <w:nsid w:val="787F75C5"/>
    <w:multiLevelType w:val="singleLevel"/>
    <w:tmpl w:val="0526ECE6"/>
    <w:lvl w:ilvl="0"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44">
    <w:nsid w:val="7B194972"/>
    <w:multiLevelType w:val="multilevel"/>
    <w:tmpl w:val="041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45">
    <w:nsid w:val="7C4B2A93"/>
    <w:multiLevelType w:val="multilevel"/>
    <w:tmpl w:val="04190021"/>
    <w:lvl w:ilvl="0">
      <w:start w:val="1"/>
      <w:numFmt w:val="bullet"/>
      <w:lvlText w:val="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</w:abstractNum>
  <w:abstractNum w:abstractNumId="46">
    <w:nsid w:val="7CBB70A3"/>
    <w:multiLevelType w:val="hybridMultilevel"/>
    <w:tmpl w:val="F9B2AF3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7">
    <w:nsid w:val="7D963722"/>
    <w:multiLevelType w:val="multilevel"/>
    <w:tmpl w:val="04190021"/>
    <w:lvl w:ilvl="0">
      <w:start w:val="1"/>
      <w:numFmt w:val="bullet"/>
      <w:lvlText w:val="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</w:abstractNum>
  <w:num w:numId="1">
    <w:abstractNumId w:val="23"/>
  </w:num>
  <w:num w:numId="2">
    <w:abstractNumId w:val="25"/>
  </w:num>
  <w:num w:numId="3">
    <w:abstractNumId w:val="39"/>
  </w:num>
  <w:num w:numId="4">
    <w:abstractNumId w:val="13"/>
  </w:num>
  <w:num w:numId="5">
    <w:abstractNumId w:val="26"/>
  </w:num>
  <w:num w:numId="6">
    <w:abstractNumId w:val="14"/>
  </w:num>
  <w:num w:numId="7">
    <w:abstractNumId w:val="43"/>
  </w:num>
  <w:num w:numId="8">
    <w:abstractNumId w:val="34"/>
  </w:num>
  <w:num w:numId="9">
    <w:abstractNumId w:val="22"/>
  </w:num>
  <w:num w:numId="10">
    <w:abstractNumId w:val="5"/>
  </w:num>
  <w:num w:numId="11">
    <w:abstractNumId w:val="17"/>
  </w:num>
  <w:num w:numId="12">
    <w:abstractNumId w:val="18"/>
  </w:num>
  <w:num w:numId="13">
    <w:abstractNumId w:val="4"/>
  </w:num>
  <w:num w:numId="14">
    <w:abstractNumId w:val="10"/>
  </w:num>
  <w:num w:numId="15">
    <w:abstractNumId w:val="8"/>
  </w:num>
  <w:num w:numId="16">
    <w:abstractNumId w:val="6"/>
  </w:num>
  <w:num w:numId="17">
    <w:abstractNumId w:val="2"/>
  </w:num>
  <w:num w:numId="18">
    <w:abstractNumId w:val="45"/>
  </w:num>
  <w:num w:numId="19">
    <w:abstractNumId w:val="47"/>
  </w:num>
  <w:num w:numId="20">
    <w:abstractNumId w:val="28"/>
  </w:num>
  <w:num w:numId="21">
    <w:abstractNumId w:val="24"/>
  </w:num>
  <w:num w:numId="22">
    <w:abstractNumId w:val="19"/>
  </w:num>
  <w:num w:numId="23">
    <w:abstractNumId w:val="3"/>
  </w:num>
  <w:num w:numId="24">
    <w:abstractNumId w:val="7"/>
  </w:num>
  <w:num w:numId="25">
    <w:abstractNumId w:val="1"/>
  </w:num>
  <w:num w:numId="26">
    <w:abstractNumId w:val="32"/>
  </w:num>
  <w:num w:numId="27">
    <w:abstractNumId w:val="31"/>
  </w:num>
  <w:num w:numId="28">
    <w:abstractNumId w:val="30"/>
  </w:num>
  <w:num w:numId="29">
    <w:abstractNumId w:val="41"/>
  </w:num>
  <w:num w:numId="30">
    <w:abstractNumId w:val="12"/>
  </w:num>
  <w:num w:numId="31">
    <w:abstractNumId w:val="35"/>
  </w:num>
  <w:num w:numId="32">
    <w:abstractNumId w:val="29"/>
  </w:num>
  <w:num w:numId="33">
    <w:abstractNumId w:val="0"/>
  </w:num>
  <w:num w:numId="34">
    <w:abstractNumId w:val="27"/>
  </w:num>
  <w:num w:numId="35">
    <w:abstractNumId w:val="46"/>
  </w:num>
  <w:num w:numId="36">
    <w:abstractNumId w:val="11"/>
  </w:num>
  <w:num w:numId="37">
    <w:abstractNumId w:val="37"/>
  </w:num>
  <w:num w:numId="38">
    <w:abstractNumId w:val="21"/>
  </w:num>
  <w:num w:numId="39">
    <w:abstractNumId w:val="33"/>
  </w:num>
  <w:num w:numId="40">
    <w:abstractNumId w:val="15"/>
  </w:num>
  <w:num w:numId="41">
    <w:abstractNumId w:val="38"/>
  </w:num>
  <w:num w:numId="42">
    <w:abstractNumId w:val="9"/>
  </w:num>
  <w:num w:numId="43">
    <w:abstractNumId w:val="44"/>
  </w:num>
  <w:num w:numId="44">
    <w:abstractNumId w:val="16"/>
  </w:num>
  <w:num w:numId="45">
    <w:abstractNumId w:val="20"/>
  </w:num>
  <w:num w:numId="46">
    <w:abstractNumId w:val="42"/>
  </w:num>
  <w:num w:numId="47">
    <w:abstractNumId w:val="40"/>
  </w:num>
  <w:num w:numId="48">
    <w:abstractNumId w:val="3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08"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2"/>
  </w:compat>
  <w:rsids>
    <w:rsidRoot w:val="006601AC"/>
    <w:rsid w:val="000138AB"/>
    <w:rsid w:val="00017632"/>
    <w:rsid w:val="000214DF"/>
    <w:rsid w:val="00025424"/>
    <w:rsid w:val="0002715F"/>
    <w:rsid w:val="000311E8"/>
    <w:rsid w:val="00032D3E"/>
    <w:rsid w:val="00032F7B"/>
    <w:rsid w:val="00033BE1"/>
    <w:rsid w:val="0003572E"/>
    <w:rsid w:val="00035C18"/>
    <w:rsid w:val="0003701D"/>
    <w:rsid w:val="000374DE"/>
    <w:rsid w:val="00040BB1"/>
    <w:rsid w:val="00041F89"/>
    <w:rsid w:val="00043EA5"/>
    <w:rsid w:val="00046E41"/>
    <w:rsid w:val="00050CBA"/>
    <w:rsid w:val="000514FB"/>
    <w:rsid w:val="000526BA"/>
    <w:rsid w:val="00052B64"/>
    <w:rsid w:val="0005383B"/>
    <w:rsid w:val="00054236"/>
    <w:rsid w:val="0006038E"/>
    <w:rsid w:val="00060A48"/>
    <w:rsid w:val="00080F0B"/>
    <w:rsid w:val="00081F56"/>
    <w:rsid w:val="00085F5E"/>
    <w:rsid w:val="00090D2C"/>
    <w:rsid w:val="000927A1"/>
    <w:rsid w:val="00095246"/>
    <w:rsid w:val="00096AAC"/>
    <w:rsid w:val="000A0332"/>
    <w:rsid w:val="000A0A20"/>
    <w:rsid w:val="000A6DC9"/>
    <w:rsid w:val="000A78DF"/>
    <w:rsid w:val="000B0B29"/>
    <w:rsid w:val="000B3DC0"/>
    <w:rsid w:val="000B5BEC"/>
    <w:rsid w:val="000C0277"/>
    <w:rsid w:val="000C0A6A"/>
    <w:rsid w:val="000C44B3"/>
    <w:rsid w:val="000C5464"/>
    <w:rsid w:val="000C69D8"/>
    <w:rsid w:val="000D06F7"/>
    <w:rsid w:val="000D0A2C"/>
    <w:rsid w:val="000D3A67"/>
    <w:rsid w:val="000D4D47"/>
    <w:rsid w:val="000E18DE"/>
    <w:rsid w:val="000E2613"/>
    <w:rsid w:val="000E43CD"/>
    <w:rsid w:val="000F6A7B"/>
    <w:rsid w:val="0011113D"/>
    <w:rsid w:val="00111E64"/>
    <w:rsid w:val="00112844"/>
    <w:rsid w:val="001129FA"/>
    <w:rsid w:val="00117FBF"/>
    <w:rsid w:val="00120287"/>
    <w:rsid w:val="0013052F"/>
    <w:rsid w:val="001308F2"/>
    <w:rsid w:val="0013111E"/>
    <w:rsid w:val="001326EA"/>
    <w:rsid w:val="0014306C"/>
    <w:rsid w:val="00147A54"/>
    <w:rsid w:val="001538F1"/>
    <w:rsid w:val="0015425D"/>
    <w:rsid w:val="00166440"/>
    <w:rsid w:val="00166990"/>
    <w:rsid w:val="001762EE"/>
    <w:rsid w:val="001A101E"/>
    <w:rsid w:val="001A38AC"/>
    <w:rsid w:val="001A7FFB"/>
    <w:rsid w:val="001B0835"/>
    <w:rsid w:val="001B1312"/>
    <w:rsid w:val="001B2628"/>
    <w:rsid w:val="001B5497"/>
    <w:rsid w:val="001B552A"/>
    <w:rsid w:val="001C138D"/>
    <w:rsid w:val="001C2B06"/>
    <w:rsid w:val="001C5A89"/>
    <w:rsid w:val="001D2087"/>
    <w:rsid w:val="001D7BD9"/>
    <w:rsid w:val="001E18DD"/>
    <w:rsid w:val="001E478C"/>
    <w:rsid w:val="001E7EEB"/>
    <w:rsid w:val="001F38E8"/>
    <w:rsid w:val="001F7AFC"/>
    <w:rsid w:val="00203CA9"/>
    <w:rsid w:val="0020467B"/>
    <w:rsid w:val="0022050D"/>
    <w:rsid w:val="002250D4"/>
    <w:rsid w:val="00231C42"/>
    <w:rsid w:val="00232E85"/>
    <w:rsid w:val="002434B5"/>
    <w:rsid w:val="00243B60"/>
    <w:rsid w:val="002445D0"/>
    <w:rsid w:val="00251F01"/>
    <w:rsid w:val="00253993"/>
    <w:rsid w:val="00253DAB"/>
    <w:rsid w:val="00263142"/>
    <w:rsid w:val="002657B0"/>
    <w:rsid w:val="0026599B"/>
    <w:rsid w:val="00266519"/>
    <w:rsid w:val="00266A70"/>
    <w:rsid w:val="002741DB"/>
    <w:rsid w:val="002778B0"/>
    <w:rsid w:val="002808C3"/>
    <w:rsid w:val="002820D0"/>
    <w:rsid w:val="00282408"/>
    <w:rsid w:val="0028405C"/>
    <w:rsid w:val="00284990"/>
    <w:rsid w:val="002858FA"/>
    <w:rsid w:val="00287DCF"/>
    <w:rsid w:val="00292595"/>
    <w:rsid w:val="002943FA"/>
    <w:rsid w:val="00296EC6"/>
    <w:rsid w:val="002A35B6"/>
    <w:rsid w:val="002B2CA0"/>
    <w:rsid w:val="002B3B52"/>
    <w:rsid w:val="002C0430"/>
    <w:rsid w:val="002E4D3C"/>
    <w:rsid w:val="002E4FF3"/>
    <w:rsid w:val="002E5FEA"/>
    <w:rsid w:val="002F24C9"/>
    <w:rsid w:val="002F3F13"/>
    <w:rsid w:val="002F6605"/>
    <w:rsid w:val="002F744C"/>
    <w:rsid w:val="002F7A83"/>
    <w:rsid w:val="002F7E48"/>
    <w:rsid w:val="0030088E"/>
    <w:rsid w:val="003016E1"/>
    <w:rsid w:val="00324C8A"/>
    <w:rsid w:val="00325B81"/>
    <w:rsid w:val="00326B13"/>
    <w:rsid w:val="00326E22"/>
    <w:rsid w:val="003354E5"/>
    <w:rsid w:val="00337244"/>
    <w:rsid w:val="0033754A"/>
    <w:rsid w:val="0034239E"/>
    <w:rsid w:val="00350F12"/>
    <w:rsid w:val="00354221"/>
    <w:rsid w:val="0035505B"/>
    <w:rsid w:val="00357069"/>
    <w:rsid w:val="003570D5"/>
    <w:rsid w:val="00357128"/>
    <w:rsid w:val="00360796"/>
    <w:rsid w:val="00362B47"/>
    <w:rsid w:val="00363403"/>
    <w:rsid w:val="00374ABA"/>
    <w:rsid w:val="00375619"/>
    <w:rsid w:val="00384A5D"/>
    <w:rsid w:val="00395168"/>
    <w:rsid w:val="003A1B46"/>
    <w:rsid w:val="003A2B15"/>
    <w:rsid w:val="003A3E1E"/>
    <w:rsid w:val="003B05DA"/>
    <w:rsid w:val="003B17CE"/>
    <w:rsid w:val="003B1C73"/>
    <w:rsid w:val="003C52A8"/>
    <w:rsid w:val="003D1163"/>
    <w:rsid w:val="003D20DF"/>
    <w:rsid w:val="003D3773"/>
    <w:rsid w:val="003D4E23"/>
    <w:rsid w:val="003E1F03"/>
    <w:rsid w:val="003F32E5"/>
    <w:rsid w:val="003F3498"/>
    <w:rsid w:val="003F7AEA"/>
    <w:rsid w:val="00415CE5"/>
    <w:rsid w:val="00416C14"/>
    <w:rsid w:val="004217EA"/>
    <w:rsid w:val="00427240"/>
    <w:rsid w:val="00430EC3"/>
    <w:rsid w:val="0043425B"/>
    <w:rsid w:val="004400D1"/>
    <w:rsid w:val="00452A3D"/>
    <w:rsid w:val="00455CB2"/>
    <w:rsid w:val="00457740"/>
    <w:rsid w:val="00461989"/>
    <w:rsid w:val="0046472E"/>
    <w:rsid w:val="00464F0C"/>
    <w:rsid w:val="00472DF5"/>
    <w:rsid w:val="00477226"/>
    <w:rsid w:val="004775B2"/>
    <w:rsid w:val="004822CD"/>
    <w:rsid w:val="00482583"/>
    <w:rsid w:val="00483B85"/>
    <w:rsid w:val="00484257"/>
    <w:rsid w:val="00484990"/>
    <w:rsid w:val="00491A37"/>
    <w:rsid w:val="00491D24"/>
    <w:rsid w:val="004950CE"/>
    <w:rsid w:val="004A1B0E"/>
    <w:rsid w:val="004C1570"/>
    <w:rsid w:val="004C5A89"/>
    <w:rsid w:val="004D783F"/>
    <w:rsid w:val="004E78F3"/>
    <w:rsid w:val="004F038A"/>
    <w:rsid w:val="004F2426"/>
    <w:rsid w:val="004F3E8A"/>
    <w:rsid w:val="005048B2"/>
    <w:rsid w:val="005049B0"/>
    <w:rsid w:val="005115C7"/>
    <w:rsid w:val="0051369D"/>
    <w:rsid w:val="00524514"/>
    <w:rsid w:val="00526C96"/>
    <w:rsid w:val="00530AB8"/>
    <w:rsid w:val="00540B70"/>
    <w:rsid w:val="00550A9E"/>
    <w:rsid w:val="0055252E"/>
    <w:rsid w:val="00553DEC"/>
    <w:rsid w:val="005568F5"/>
    <w:rsid w:val="00573FC1"/>
    <w:rsid w:val="00574395"/>
    <w:rsid w:val="00576658"/>
    <w:rsid w:val="0058381A"/>
    <w:rsid w:val="005A6C6A"/>
    <w:rsid w:val="005C3C0D"/>
    <w:rsid w:val="005C497C"/>
    <w:rsid w:val="005D071F"/>
    <w:rsid w:val="005D6E40"/>
    <w:rsid w:val="006022CF"/>
    <w:rsid w:val="006101BA"/>
    <w:rsid w:val="006134F7"/>
    <w:rsid w:val="006259CC"/>
    <w:rsid w:val="00627BE4"/>
    <w:rsid w:val="00636187"/>
    <w:rsid w:val="0063785D"/>
    <w:rsid w:val="00637ABA"/>
    <w:rsid w:val="00642408"/>
    <w:rsid w:val="00656C5A"/>
    <w:rsid w:val="006601AC"/>
    <w:rsid w:val="00660207"/>
    <w:rsid w:val="00663AF7"/>
    <w:rsid w:val="006657F1"/>
    <w:rsid w:val="0067143E"/>
    <w:rsid w:val="006727B8"/>
    <w:rsid w:val="00677B2E"/>
    <w:rsid w:val="00682BB8"/>
    <w:rsid w:val="00683E27"/>
    <w:rsid w:val="00687B8B"/>
    <w:rsid w:val="00690DA8"/>
    <w:rsid w:val="0069439C"/>
    <w:rsid w:val="00696DCD"/>
    <w:rsid w:val="00697591"/>
    <w:rsid w:val="006C1B4E"/>
    <w:rsid w:val="006D6E79"/>
    <w:rsid w:val="006E2136"/>
    <w:rsid w:val="006E21FD"/>
    <w:rsid w:val="006E2CF6"/>
    <w:rsid w:val="006E521B"/>
    <w:rsid w:val="006E7668"/>
    <w:rsid w:val="006F3DA7"/>
    <w:rsid w:val="0070243A"/>
    <w:rsid w:val="00703259"/>
    <w:rsid w:val="00706DA4"/>
    <w:rsid w:val="0071378B"/>
    <w:rsid w:val="007153AD"/>
    <w:rsid w:val="00724596"/>
    <w:rsid w:val="0074035B"/>
    <w:rsid w:val="0074116C"/>
    <w:rsid w:val="00754D07"/>
    <w:rsid w:val="0075711F"/>
    <w:rsid w:val="00762C19"/>
    <w:rsid w:val="00770B0F"/>
    <w:rsid w:val="00782243"/>
    <w:rsid w:val="00783C5C"/>
    <w:rsid w:val="00792D12"/>
    <w:rsid w:val="007936F7"/>
    <w:rsid w:val="00797E39"/>
    <w:rsid w:val="007A4B21"/>
    <w:rsid w:val="007B3235"/>
    <w:rsid w:val="007B76F3"/>
    <w:rsid w:val="007B7A65"/>
    <w:rsid w:val="007D04DD"/>
    <w:rsid w:val="007D5312"/>
    <w:rsid w:val="007E140F"/>
    <w:rsid w:val="007E3790"/>
    <w:rsid w:val="007F22C0"/>
    <w:rsid w:val="008030E2"/>
    <w:rsid w:val="00803E22"/>
    <w:rsid w:val="008040B7"/>
    <w:rsid w:val="0080498D"/>
    <w:rsid w:val="00810A58"/>
    <w:rsid w:val="008134F5"/>
    <w:rsid w:val="00817CB8"/>
    <w:rsid w:val="0083152C"/>
    <w:rsid w:val="00856D46"/>
    <w:rsid w:val="00870643"/>
    <w:rsid w:val="00873A11"/>
    <w:rsid w:val="0087451F"/>
    <w:rsid w:val="008777B5"/>
    <w:rsid w:val="00891C80"/>
    <w:rsid w:val="0089248D"/>
    <w:rsid w:val="00895E3A"/>
    <w:rsid w:val="008A22A0"/>
    <w:rsid w:val="008A5534"/>
    <w:rsid w:val="008B36E6"/>
    <w:rsid w:val="008B47D0"/>
    <w:rsid w:val="008D2A3C"/>
    <w:rsid w:val="008D6649"/>
    <w:rsid w:val="008E2DC9"/>
    <w:rsid w:val="008F0BD8"/>
    <w:rsid w:val="008F2D0F"/>
    <w:rsid w:val="009023C5"/>
    <w:rsid w:val="0091310D"/>
    <w:rsid w:val="00920C05"/>
    <w:rsid w:val="00927D8E"/>
    <w:rsid w:val="009322D2"/>
    <w:rsid w:val="00933CB5"/>
    <w:rsid w:val="00936283"/>
    <w:rsid w:val="009400D9"/>
    <w:rsid w:val="00944672"/>
    <w:rsid w:val="0095222D"/>
    <w:rsid w:val="009566F4"/>
    <w:rsid w:val="009573C7"/>
    <w:rsid w:val="00962E88"/>
    <w:rsid w:val="00963306"/>
    <w:rsid w:val="009670A2"/>
    <w:rsid w:val="00967D48"/>
    <w:rsid w:val="009728CD"/>
    <w:rsid w:val="00975B8B"/>
    <w:rsid w:val="0097707E"/>
    <w:rsid w:val="00980543"/>
    <w:rsid w:val="009806DD"/>
    <w:rsid w:val="009811DA"/>
    <w:rsid w:val="009853D9"/>
    <w:rsid w:val="00987742"/>
    <w:rsid w:val="00996991"/>
    <w:rsid w:val="009A00F5"/>
    <w:rsid w:val="009A2F30"/>
    <w:rsid w:val="009A346E"/>
    <w:rsid w:val="009A3C47"/>
    <w:rsid w:val="009A6098"/>
    <w:rsid w:val="009B075E"/>
    <w:rsid w:val="009B6BC7"/>
    <w:rsid w:val="009D0679"/>
    <w:rsid w:val="009D3CC0"/>
    <w:rsid w:val="009D7628"/>
    <w:rsid w:val="009F27C0"/>
    <w:rsid w:val="009F335C"/>
    <w:rsid w:val="009F3BFB"/>
    <w:rsid w:val="00A03110"/>
    <w:rsid w:val="00A048F6"/>
    <w:rsid w:val="00A153C4"/>
    <w:rsid w:val="00A21ED3"/>
    <w:rsid w:val="00A2318D"/>
    <w:rsid w:val="00A23D3F"/>
    <w:rsid w:val="00A24900"/>
    <w:rsid w:val="00A249DB"/>
    <w:rsid w:val="00A3124A"/>
    <w:rsid w:val="00A40D1C"/>
    <w:rsid w:val="00A44FA5"/>
    <w:rsid w:val="00A457C8"/>
    <w:rsid w:val="00A53F5E"/>
    <w:rsid w:val="00A554D9"/>
    <w:rsid w:val="00A55553"/>
    <w:rsid w:val="00A561AF"/>
    <w:rsid w:val="00A56FC9"/>
    <w:rsid w:val="00A60AC3"/>
    <w:rsid w:val="00A63B82"/>
    <w:rsid w:val="00A65EC8"/>
    <w:rsid w:val="00A75701"/>
    <w:rsid w:val="00A75DB1"/>
    <w:rsid w:val="00A76AB3"/>
    <w:rsid w:val="00A90B4B"/>
    <w:rsid w:val="00A91B59"/>
    <w:rsid w:val="00A92CCF"/>
    <w:rsid w:val="00A92E3E"/>
    <w:rsid w:val="00A93D82"/>
    <w:rsid w:val="00A948EF"/>
    <w:rsid w:val="00AA1A92"/>
    <w:rsid w:val="00AA1F5F"/>
    <w:rsid w:val="00AA6403"/>
    <w:rsid w:val="00AB6378"/>
    <w:rsid w:val="00AC0C5E"/>
    <w:rsid w:val="00AC0CBD"/>
    <w:rsid w:val="00AC26AD"/>
    <w:rsid w:val="00AC3649"/>
    <w:rsid w:val="00AC42A6"/>
    <w:rsid w:val="00AC4A25"/>
    <w:rsid w:val="00AD438B"/>
    <w:rsid w:val="00AE3E20"/>
    <w:rsid w:val="00AF234D"/>
    <w:rsid w:val="00B300F4"/>
    <w:rsid w:val="00B35245"/>
    <w:rsid w:val="00B3660E"/>
    <w:rsid w:val="00B36ADC"/>
    <w:rsid w:val="00B37D78"/>
    <w:rsid w:val="00B409F7"/>
    <w:rsid w:val="00B40ECC"/>
    <w:rsid w:val="00B443CC"/>
    <w:rsid w:val="00B550FD"/>
    <w:rsid w:val="00B60F8B"/>
    <w:rsid w:val="00B629BC"/>
    <w:rsid w:val="00B65088"/>
    <w:rsid w:val="00B70DBB"/>
    <w:rsid w:val="00B81E52"/>
    <w:rsid w:val="00BA3C6A"/>
    <w:rsid w:val="00BA7653"/>
    <w:rsid w:val="00BB0654"/>
    <w:rsid w:val="00BB2E27"/>
    <w:rsid w:val="00BC0157"/>
    <w:rsid w:val="00BC6A24"/>
    <w:rsid w:val="00BD0266"/>
    <w:rsid w:val="00BE1441"/>
    <w:rsid w:val="00BE522A"/>
    <w:rsid w:val="00BE572E"/>
    <w:rsid w:val="00BE624B"/>
    <w:rsid w:val="00BF4509"/>
    <w:rsid w:val="00C00B27"/>
    <w:rsid w:val="00C02793"/>
    <w:rsid w:val="00C11FA7"/>
    <w:rsid w:val="00C1226D"/>
    <w:rsid w:val="00C211BB"/>
    <w:rsid w:val="00C2575A"/>
    <w:rsid w:val="00C45AA4"/>
    <w:rsid w:val="00C50DFB"/>
    <w:rsid w:val="00C52197"/>
    <w:rsid w:val="00C56757"/>
    <w:rsid w:val="00C62DED"/>
    <w:rsid w:val="00C65282"/>
    <w:rsid w:val="00C724D4"/>
    <w:rsid w:val="00C77943"/>
    <w:rsid w:val="00C844D7"/>
    <w:rsid w:val="00C845C4"/>
    <w:rsid w:val="00C84DE9"/>
    <w:rsid w:val="00C924D5"/>
    <w:rsid w:val="00C93320"/>
    <w:rsid w:val="00CA250C"/>
    <w:rsid w:val="00CA2D66"/>
    <w:rsid w:val="00CA48E0"/>
    <w:rsid w:val="00CB727C"/>
    <w:rsid w:val="00CC22F7"/>
    <w:rsid w:val="00CD0A37"/>
    <w:rsid w:val="00CD36C1"/>
    <w:rsid w:val="00CD399A"/>
    <w:rsid w:val="00CD58CF"/>
    <w:rsid w:val="00CE37CB"/>
    <w:rsid w:val="00CE4BF4"/>
    <w:rsid w:val="00CF4F24"/>
    <w:rsid w:val="00D02CFB"/>
    <w:rsid w:val="00D04022"/>
    <w:rsid w:val="00D050D5"/>
    <w:rsid w:val="00D0774E"/>
    <w:rsid w:val="00D12C61"/>
    <w:rsid w:val="00D15C1E"/>
    <w:rsid w:val="00D1633E"/>
    <w:rsid w:val="00D21B30"/>
    <w:rsid w:val="00D25ED0"/>
    <w:rsid w:val="00D336E0"/>
    <w:rsid w:val="00D33A4E"/>
    <w:rsid w:val="00D40D45"/>
    <w:rsid w:val="00D410EA"/>
    <w:rsid w:val="00D5702D"/>
    <w:rsid w:val="00D61CD5"/>
    <w:rsid w:val="00D7424C"/>
    <w:rsid w:val="00D776CE"/>
    <w:rsid w:val="00D835E8"/>
    <w:rsid w:val="00D84AFC"/>
    <w:rsid w:val="00D8539C"/>
    <w:rsid w:val="00D85F3B"/>
    <w:rsid w:val="00D90969"/>
    <w:rsid w:val="00DA019E"/>
    <w:rsid w:val="00DA2BED"/>
    <w:rsid w:val="00DA45A5"/>
    <w:rsid w:val="00DA5A1F"/>
    <w:rsid w:val="00DB32DB"/>
    <w:rsid w:val="00DB3F7C"/>
    <w:rsid w:val="00DB4EA3"/>
    <w:rsid w:val="00DC7D2E"/>
    <w:rsid w:val="00DD2748"/>
    <w:rsid w:val="00DD43D2"/>
    <w:rsid w:val="00DE0060"/>
    <w:rsid w:val="00DF0FC4"/>
    <w:rsid w:val="00DF1EAC"/>
    <w:rsid w:val="00DF5D3C"/>
    <w:rsid w:val="00E00454"/>
    <w:rsid w:val="00E06765"/>
    <w:rsid w:val="00E06A5F"/>
    <w:rsid w:val="00E13DA6"/>
    <w:rsid w:val="00E15635"/>
    <w:rsid w:val="00E23C56"/>
    <w:rsid w:val="00E26590"/>
    <w:rsid w:val="00E30101"/>
    <w:rsid w:val="00E302CB"/>
    <w:rsid w:val="00E330AB"/>
    <w:rsid w:val="00E34111"/>
    <w:rsid w:val="00E350A8"/>
    <w:rsid w:val="00E4063D"/>
    <w:rsid w:val="00E473B6"/>
    <w:rsid w:val="00E51DD9"/>
    <w:rsid w:val="00E52BBB"/>
    <w:rsid w:val="00E535EC"/>
    <w:rsid w:val="00E61615"/>
    <w:rsid w:val="00E61BA3"/>
    <w:rsid w:val="00E628D5"/>
    <w:rsid w:val="00E64C75"/>
    <w:rsid w:val="00E718AC"/>
    <w:rsid w:val="00E76DE3"/>
    <w:rsid w:val="00E8007B"/>
    <w:rsid w:val="00E93353"/>
    <w:rsid w:val="00EA03DC"/>
    <w:rsid w:val="00EA6197"/>
    <w:rsid w:val="00EB1167"/>
    <w:rsid w:val="00EB1D41"/>
    <w:rsid w:val="00EB47C6"/>
    <w:rsid w:val="00EC0E50"/>
    <w:rsid w:val="00ED4485"/>
    <w:rsid w:val="00ED4B14"/>
    <w:rsid w:val="00EE723F"/>
    <w:rsid w:val="00EF2D67"/>
    <w:rsid w:val="00EF3B47"/>
    <w:rsid w:val="00EF5346"/>
    <w:rsid w:val="00F00806"/>
    <w:rsid w:val="00F02F25"/>
    <w:rsid w:val="00F121DA"/>
    <w:rsid w:val="00F2470A"/>
    <w:rsid w:val="00F248A6"/>
    <w:rsid w:val="00F24FA2"/>
    <w:rsid w:val="00F27C9B"/>
    <w:rsid w:val="00F32F22"/>
    <w:rsid w:val="00F32F65"/>
    <w:rsid w:val="00F33B6C"/>
    <w:rsid w:val="00F34D7C"/>
    <w:rsid w:val="00F353AC"/>
    <w:rsid w:val="00F44C93"/>
    <w:rsid w:val="00F517F6"/>
    <w:rsid w:val="00F52BBF"/>
    <w:rsid w:val="00F6616C"/>
    <w:rsid w:val="00F662DA"/>
    <w:rsid w:val="00F666CD"/>
    <w:rsid w:val="00F9225B"/>
    <w:rsid w:val="00F96644"/>
    <w:rsid w:val="00FA5511"/>
    <w:rsid w:val="00FC42FC"/>
    <w:rsid w:val="00FD1379"/>
    <w:rsid w:val="00FD2D46"/>
    <w:rsid w:val="00FD2E47"/>
    <w:rsid w:val="00FD3A8A"/>
    <w:rsid w:val="00FD4BDC"/>
    <w:rsid w:val="00FD5438"/>
    <w:rsid w:val="00FD555A"/>
    <w:rsid w:val="00FD65DD"/>
    <w:rsid w:val="00FE0346"/>
    <w:rsid w:val="00FE1A47"/>
    <w:rsid w:val="00FE1C56"/>
    <w:rsid w:val="00FF307D"/>
    <w:rsid w:val="00FF4FE7"/>
    <w:rsid w:val="00FF6546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5802AA05-9822-42BD-ABF9-E89B25D3165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0" w:qFormat="1"/>
    <w:lsdException w:name="heading 2" w:semiHidden="1" w:uiPriority="0" w:unhideWhenUsed="1" w:qFormat="1"/>
    <w:lsdException w:name="heading 3" w:semiHidden="1" w:uiPriority="0" w:unhideWhenUsed="1" w:qFormat="1"/>
    <w:lsdException w:name="heading 4" w:semiHidden="1" w:uiPriority="0" w:unhideWhenUsed="1" w:qFormat="1"/>
    <w:lsdException w:name="heading 5" w:semiHidden="1" w:uiPriority="0" w:unhideWhenUsed="1" w:qFormat="1"/>
    <w:lsdException w:name="heading 6" w:semiHidden="1" w:uiPriority="0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0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iPriority="0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0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0" w:unhideWhenUsed="1"/>
    <w:lsdException w:name="Table Grid" w:uiPriority="59"/>
    <w:lsdException w:name="Table Theme" w:semiHidden="1" w:uiPriority="0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BE1441"/>
  </w:style>
  <w:style w:type="paragraph" w:styleId="1">
    <w:name w:val="heading 1"/>
    <w:basedOn w:val="a"/>
    <w:next w:val="a"/>
    <w:link w:val="10"/>
    <w:qFormat/>
    <w:rsid w:val="006601AC"/>
    <w:pPr>
      <w:keepNext/>
      <w:spacing w:after="0" w:line="240" w:lineRule="auto"/>
      <w:outlineLvl w:val="0"/>
    </w:pPr>
    <w:rPr>
      <w:rFonts w:ascii="Arial" w:eastAsia="Times New Roman" w:hAnsi="Arial" w:cs="Arial"/>
      <w:b/>
      <w:bCs/>
      <w:color w:val="663300"/>
      <w:sz w:val="32"/>
      <w:szCs w:val="32"/>
    </w:rPr>
  </w:style>
  <w:style w:type="paragraph" w:styleId="2">
    <w:name w:val="heading 2"/>
    <w:basedOn w:val="a"/>
    <w:next w:val="a"/>
    <w:link w:val="20"/>
    <w:qFormat/>
    <w:rsid w:val="006601AC"/>
    <w:pPr>
      <w:keepNext/>
      <w:spacing w:after="0" w:line="240" w:lineRule="auto"/>
      <w:jc w:val="center"/>
      <w:outlineLvl w:val="1"/>
    </w:pPr>
    <w:rPr>
      <w:rFonts w:ascii="Arial" w:eastAsia="Times New Roman" w:hAnsi="Arial" w:cs="Arial"/>
      <w:color w:val="663300"/>
      <w:sz w:val="28"/>
      <w:szCs w:val="28"/>
    </w:rPr>
  </w:style>
  <w:style w:type="paragraph" w:styleId="3">
    <w:name w:val="heading 3"/>
    <w:basedOn w:val="a"/>
    <w:next w:val="a"/>
    <w:link w:val="30"/>
    <w:qFormat/>
    <w:rsid w:val="006601AC"/>
    <w:pPr>
      <w:keepNext/>
      <w:spacing w:after="0" w:line="240" w:lineRule="auto"/>
      <w:outlineLvl w:val="2"/>
    </w:pPr>
    <w:rPr>
      <w:rFonts w:ascii="Arial" w:eastAsia="Times New Roman" w:hAnsi="Arial" w:cs="Arial"/>
      <w:color w:val="663300"/>
      <w:sz w:val="26"/>
      <w:szCs w:val="26"/>
    </w:rPr>
  </w:style>
  <w:style w:type="paragraph" w:styleId="4">
    <w:name w:val="heading 4"/>
    <w:basedOn w:val="a"/>
    <w:next w:val="a"/>
    <w:link w:val="40"/>
    <w:qFormat/>
    <w:rsid w:val="006601AC"/>
    <w:pPr>
      <w:keepNext/>
      <w:spacing w:after="0" w:line="240" w:lineRule="auto"/>
      <w:ind w:left="7088"/>
      <w:outlineLvl w:val="3"/>
    </w:pPr>
    <w:rPr>
      <w:rFonts w:ascii="Arial" w:eastAsia="Times New Roman" w:hAnsi="Arial" w:cs="Arial"/>
      <w:color w:val="663300"/>
      <w:sz w:val="28"/>
      <w:szCs w:val="28"/>
    </w:rPr>
  </w:style>
  <w:style w:type="paragraph" w:styleId="5">
    <w:name w:val="heading 5"/>
    <w:basedOn w:val="a"/>
    <w:next w:val="a"/>
    <w:link w:val="50"/>
    <w:qFormat/>
    <w:rsid w:val="006601AC"/>
    <w:pPr>
      <w:keepNext/>
      <w:spacing w:after="0" w:line="240" w:lineRule="auto"/>
      <w:outlineLvl w:val="4"/>
    </w:pPr>
    <w:rPr>
      <w:rFonts w:ascii="Arial" w:eastAsia="Times New Roman" w:hAnsi="Arial" w:cs="Arial"/>
      <w:color w:val="663300"/>
      <w:sz w:val="26"/>
      <w:szCs w:val="26"/>
    </w:rPr>
  </w:style>
  <w:style w:type="paragraph" w:styleId="6">
    <w:name w:val="heading 6"/>
    <w:basedOn w:val="a"/>
    <w:next w:val="a"/>
    <w:link w:val="60"/>
    <w:qFormat/>
    <w:rsid w:val="006601AC"/>
    <w:pPr>
      <w:spacing w:before="240" w:after="60" w:line="240" w:lineRule="auto"/>
      <w:outlineLvl w:val="5"/>
    </w:pPr>
    <w:rPr>
      <w:rFonts w:ascii="Arial" w:eastAsia="Times New Roman" w:hAnsi="Arial" w:cs="Arial"/>
      <w:color w:val="66330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0">
    <w:name w:val="Заголовок 1 Знак"/>
    <w:basedOn w:val="a0"/>
    <w:link w:val="1"/>
    <w:rsid w:val="006601AC"/>
    <w:rPr>
      <w:rFonts w:ascii="Arial" w:eastAsia="Times New Roman" w:hAnsi="Arial" w:cs="Arial"/>
      <w:b/>
      <w:bCs/>
      <w:color w:val="663300"/>
      <w:sz w:val="32"/>
      <w:szCs w:val="32"/>
    </w:rPr>
  </w:style>
  <w:style w:type="character" w:customStyle="1" w:styleId="20">
    <w:name w:val="Заголовок 2 Знак"/>
    <w:basedOn w:val="a0"/>
    <w:link w:val="2"/>
    <w:rsid w:val="006601AC"/>
    <w:rPr>
      <w:rFonts w:ascii="Arial" w:eastAsia="Times New Roman" w:hAnsi="Arial" w:cs="Arial"/>
      <w:color w:val="663300"/>
      <w:sz w:val="28"/>
      <w:szCs w:val="28"/>
    </w:rPr>
  </w:style>
  <w:style w:type="character" w:customStyle="1" w:styleId="30">
    <w:name w:val="Заголовок 3 Знак"/>
    <w:basedOn w:val="a0"/>
    <w:link w:val="3"/>
    <w:rsid w:val="006601AC"/>
    <w:rPr>
      <w:rFonts w:ascii="Arial" w:eastAsia="Times New Roman" w:hAnsi="Arial" w:cs="Arial"/>
      <w:color w:val="663300"/>
      <w:sz w:val="26"/>
      <w:szCs w:val="26"/>
    </w:rPr>
  </w:style>
  <w:style w:type="character" w:customStyle="1" w:styleId="40">
    <w:name w:val="Заголовок 4 Знак"/>
    <w:basedOn w:val="a0"/>
    <w:link w:val="4"/>
    <w:rsid w:val="006601AC"/>
    <w:rPr>
      <w:rFonts w:ascii="Arial" w:eastAsia="Times New Roman" w:hAnsi="Arial" w:cs="Arial"/>
      <w:color w:val="663300"/>
      <w:sz w:val="28"/>
      <w:szCs w:val="28"/>
    </w:rPr>
  </w:style>
  <w:style w:type="character" w:customStyle="1" w:styleId="50">
    <w:name w:val="Заголовок 5 Знак"/>
    <w:basedOn w:val="a0"/>
    <w:link w:val="5"/>
    <w:rsid w:val="006601AC"/>
    <w:rPr>
      <w:rFonts w:ascii="Arial" w:eastAsia="Times New Roman" w:hAnsi="Arial" w:cs="Arial"/>
      <w:color w:val="663300"/>
      <w:sz w:val="26"/>
      <w:szCs w:val="26"/>
    </w:rPr>
  </w:style>
  <w:style w:type="character" w:customStyle="1" w:styleId="60">
    <w:name w:val="Заголовок 6 Знак"/>
    <w:basedOn w:val="a0"/>
    <w:link w:val="6"/>
    <w:rsid w:val="006601AC"/>
    <w:rPr>
      <w:rFonts w:ascii="Arial" w:eastAsia="Times New Roman" w:hAnsi="Arial" w:cs="Arial"/>
      <w:color w:val="663300"/>
    </w:rPr>
  </w:style>
  <w:style w:type="paragraph" w:styleId="a3">
    <w:name w:val="Body Text"/>
    <w:basedOn w:val="a"/>
    <w:link w:val="a4"/>
    <w:rsid w:val="006601AC"/>
    <w:pPr>
      <w:spacing w:after="0" w:line="240" w:lineRule="auto"/>
    </w:pPr>
    <w:rPr>
      <w:rFonts w:ascii="Arial" w:eastAsia="Times New Roman" w:hAnsi="Arial" w:cs="Arial"/>
      <w:color w:val="663300"/>
      <w:sz w:val="24"/>
      <w:szCs w:val="24"/>
    </w:rPr>
  </w:style>
  <w:style w:type="character" w:customStyle="1" w:styleId="a4">
    <w:name w:val="Основной текст Знак"/>
    <w:basedOn w:val="a0"/>
    <w:link w:val="a3"/>
    <w:rsid w:val="006601AC"/>
    <w:rPr>
      <w:rFonts w:ascii="Arial" w:eastAsia="Times New Roman" w:hAnsi="Arial" w:cs="Arial"/>
      <w:color w:val="663300"/>
      <w:sz w:val="24"/>
      <w:szCs w:val="24"/>
    </w:rPr>
  </w:style>
  <w:style w:type="paragraph" w:styleId="a5">
    <w:name w:val="footer"/>
    <w:basedOn w:val="a"/>
    <w:link w:val="a6"/>
    <w:rsid w:val="006601AC"/>
    <w:pPr>
      <w:tabs>
        <w:tab w:val="center" w:pos="4677"/>
        <w:tab w:val="right" w:pos="9355"/>
      </w:tabs>
      <w:spacing w:after="0" w:line="240" w:lineRule="auto"/>
    </w:pPr>
    <w:rPr>
      <w:rFonts w:ascii="Arial" w:eastAsia="Times New Roman" w:hAnsi="Arial" w:cs="Arial"/>
      <w:color w:val="663300"/>
      <w:sz w:val="24"/>
      <w:szCs w:val="24"/>
    </w:rPr>
  </w:style>
  <w:style w:type="character" w:customStyle="1" w:styleId="a6">
    <w:name w:val="Нижний колонтитул Знак"/>
    <w:basedOn w:val="a0"/>
    <w:link w:val="a5"/>
    <w:rsid w:val="006601AC"/>
    <w:rPr>
      <w:rFonts w:ascii="Arial" w:eastAsia="Times New Roman" w:hAnsi="Arial" w:cs="Arial"/>
      <w:color w:val="663300"/>
      <w:sz w:val="24"/>
      <w:szCs w:val="24"/>
    </w:rPr>
  </w:style>
  <w:style w:type="character" w:styleId="a7">
    <w:name w:val="page number"/>
    <w:basedOn w:val="a0"/>
    <w:rsid w:val="006601AC"/>
  </w:style>
  <w:style w:type="paragraph" w:styleId="a8">
    <w:name w:val="header"/>
    <w:basedOn w:val="a"/>
    <w:link w:val="a9"/>
    <w:rsid w:val="006601AC"/>
    <w:pPr>
      <w:tabs>
        <w:tab w:val="center" w:pos="4677"/>
        <w:tab w:val="right" w:pos="9355"/>
      </w:tabs>
      <w:spacing w:after="0" w:line="240" w:lineRule="auto"/>
    </w:pPr>
    <w:rPr>
      <w:rFonts w:ascii="Arial" w:eastAsia="Times New Roman" w:hAnsi="Arial" w:cs="Arial"/>
      <w:color w:val="663300"/>
      <w:sz w:val="24"/>
      <w:szCs w:val="24"/>
    </w:rPr>
  </w:style>
  <w:style w:type="character" w:customStyle="1" w:styleId="a9">
    <w:name w:val="Верхний колонтитул Знак"/>
    <w:basedOn w:val="a0"/>
    <w:link w:val="a8"/>
    <w:rsid w:val="006601AC"/>
    <w:rPr>
      <w:rFonts w:ascii="Arial" w:eastAsia="Times New Roman" w:hAnsi="Arial" w:cs="Arial"/>
      <w:color w:val="663300"/>
      <w:sz w:val="24"/>
      <w:szCs w:val="24"/>
    </w:rPr>
  </w:style>
  <w:style w:type="table" w:styleId="aa">
    <w:name w:val="Table Theme"/>
    <w:basedOn w:val="a1"/>
    <w:rsid w:val="006601AC"/>
    <w:pPr>
      <w:spacing w:after="0" w:line="240" w:lineRule="auto"/>
    </w:pPr>
    <w:rPr>
      <w:rFonts w:ascii="Arial" w:eastAsia="Times New Roman" w:hAnsi="Arial" w:cs="Times New Roman"/>
      <w:sz w:val="20"/>
      <w:szCs w:val="20"/>
    </w:rPr>
    <w:tblPr>
      <w:tblInd w:w="0" w:type="dxa"/>
      <w:tblBorders>
        <w:top w:val="single" w:sz="4" w:space="0" w:color="CC3333"/>
        <w:left w:val="single" w:sz="4" w:space="0" w:color="CC3333"/>
        <w:bottom w:val="single" w:sz="4" w:space="0" w:color="CC3333"/>
        <w:right w:val="single" w:sz="4" w:space="0" w:color="CC3333"/>
        <w:insideH w:val="single" w:sz="4" w:space="0" w:color="CC3333"/>
        <w:insideV w:val="single" w:sz="4" w:space="0" w:color="CC3333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ab">
    <w:name w:val="Hyperlink"/>
    <w:basedOn w:val="a0"/>
    <w:rsid w:val="006601AC"/>
    <w:rPr>
      <w:color w:val="990066"/>
      <w:u w:val="single"/>
    </w:rPr>
  </w:style>
  <w:style w:type="character" w:styleId="ac">
    <w:name w:val="FollowedHyperlink"/>
    <w:basedOn w:val="a0"/>
    <w:rsid w:val="006601AC"/>
    <w:rPr>
      <w:color w:val="auto"/>
      <w:u w:val="single"/>
    </w:rPr>
  </w:style>
  <w:style w:type="paragraph" w:styleId="ad">
    <w:name w:val="Balloon Text"/>
    <w:basedOn w:val="a"/>
    <w:link w:val="ae"/>
    <w:semiHidden/>
    <w:rsid w:val="006601AC"/>
    <w:pPr>
      <w:spacing w:after="0" w:line="240" w:lineRule="auto"/>
    </w:pPr>
    <w:rPr>
      <w:rFonts w:ascii="Tahoma" w:eastAsia="Times New Roman" w:hAnsi="Tahoma" w:cs="Tahoma"/>
      <w:color w:val="663300"/>
      <w:sz w:val="16"/>
      <w:szCs w:val="16"/>
    </w:rPr>
  </w:style>
  <w:style w:type="character" w:customStyle="1" w:styleId="ae">
    <w:name w:val="Текст выноски Знак"/>
    <w:basedOn w:val="a0"/>
    <w:link w:val="ad"/>
    <w:semiHidden/>
    <w:rsid w:val="006601AC"/>
    <w:rPr>
      <w:rFonts w:ascii="Tahoma" w:eastAsia="Times New Roman" w:hAnsi="Tahoma" w:cs="Tahoma"/>
      <w:color w:val="663300"/>
      <w:sz w:val="16"/>
      <w:szCs w:val="16"/>
    </w:rPr>
  </w:style>
  <w:style w:type="table" w:styleId="af">
    <w:name w:val="Table Grid"/>
    <w:basedOn w:val="a1"/>
    <w:uiPriority w:val="59"/>
    <w:rsid w:val="003A3E1E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f0">
    <w:name w:val="List Paragraph"/>
    <w:basedOn w:val="a"/>
    <w:uiPriority w:val="34"/>
    <w:qFormat/>
    <w:rsid w:val="004C1570"/>
    <w:pPr>
      <w:ind w:left="720"/>
      <w:contextualSpacing/>
    </w:pPr>
  </w:style>
  <w:style w:type="paragraph" w:styleId="af1">
    <w:name w:val="List Bullet"/>
    <w:basedOn w:val="a"/>
    <w:rsid w:val="00530AB8"/>
    <w:pPr>
      <w:tabs>
        <w:tab w:val="num" w:pos="360"/>
      </w:tabs>
      <w:spacing w:after="0" w:line="240" w:lineRule="auto"/>
      <w:ind w:left="360" w:hanging="360"/>
    </w:pPr>
    <w:rPr>
      <w:rFonts w:ascii="Calibri" w:eastAsia="Times New Roman" w:hAnsi="Calibri" w:cs="Times New Roman"/>
      <w:sz w:val="24"/>
      <w:szCs w:val="24"/>
      <w:lang w:val="en-US" w:eastAsia="en-US" w:bidi="en-US"/>
    </w:rPr>
  </w:style>
  <w:style w:type="paragraph" w:styleId="af2">
    <w:name w:val="Normal (Web)"/>
    <w:basedOn w:val="a"/>
    <w:rsid w:val="00FD2D4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styleId="af3">
    <w:name w:val="Body Text Indent"/>
    <w:basedOn w:val="a"/>
    <w:link w:val="af4"/>
    <w:uiPriority w:val="99"/>
    <w:semiHidden/>
    <w:unhideWhenUsed/>
    <w:rsid w:val="000C44B3"/>
    <w:pPr>
      <w:spacing w:after="120"/>
      <w:ind w:left="283"/>
    </w:pPr>
  </w:style>
  <w:style w:type="character" w:customStyle="1" w:styleId="af4">
    <w:name w:val="Основной текст с отступом Знак"/>
    <w:basedOn w:val="a0"/>
    <w:link w:val="af3"/>
    <w:uiPriority w:val="99"/>
    <w:semiHidden/>
    <w:rsid w:val="000C44B3"/>
  </w:style>
  <w:style w:type="paragraph" w:styleId="af5">
    <w:name w:val="No Spacing"/>
    <w:link w:val="af6"/>
    <w:uiPriority w:val="1"/>
    <w:qFormat/>
    <w:rsid w:val="00E30101"/>
    <w:pPr>
      <w:spacing w:after="0" w:line="240" w:lineRule="auto"/>
    </w:pPr>
  </w:style>
  <w:style w:type="paragraph" w:customStyle="1" w:styleId="Default">
    <w:name w:val="Default"/>
    <w:rsid w:val="00357128"/>
    <w:pPr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color w:val="000000"/>
      <w:sz w:val="24"/>
      <w:szCs w:val="24"/>
    </w:rPr>
  </w:style>
  <w:style w:type="character" w:customStyle="1" w:styleId="af6">
    <w:name w:val="Без интервала Знак"/>
    <w:basedOn w:val="a0"/>
    <w:link w:val="af5"/>
    <w:uiPriority w:val="1"/>
    <w:rsid w:val="00E61615"/>
  </w:style>
  <w:style w:type="character" w:customStyle="1" w:styleId="art-postheadericon">
    <w:name w:val="art-postheadericon"/>
    <w:basedOn w:val="a0"/>
    <w:rsid w:val="006E2CF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26808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11108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15446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18913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914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30891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59650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34567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jpe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numbering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png"/><Relationship Id="rId1" Type="http://schemas.openxmlformats.org/officeDocument/2006/relationships/image" Target="media/image1.png"/><Relationship Id="rId4" Type="http://schemas.openxmlformats.org/officeDocument/2006/relationships/image" Target="media/image4.pn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1DF9359-06FF-4C5F-95FB-B3DCD7797B2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74</TotalTime>
  <Pages>20</Pages>
  <Words>4422</Words>
  <Characters>25208</Characters>
  <Application>Microsoft Office Word</Application>
  <DocSecurity>0</DocSecurity>
  <Lines>210</Lines>
  <Paragraphs>59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9571</CharactersWithSpaces>
  <SharedDoc>false</SharedDoc>
  <HLinks>
    <vt:vector size="42" baseType="variant">
      <vt:variant>
        <vt:i4>1114226</vt:i4>
      </vt:variant>
      <vt:variant>
        <vt:i4>18</vt:i4>
      </vt:variant>
      <vt:variant>
        <vt:i4>0</vt:i4>
      </vt:variant>
      <vt:variant>
        <vt:i4>5</vt:i4>
      </vt:variant>
      <vt:variant>
        <vt:lpwstr/>
      </vt:variant>
      <vt:variant>
        <vt:lpwstr>_Hlk285972070	1,11566,11606,0,,7. Финансово-хозяйственная деяте</vt:lpwstr>
      </vt:variant>
      <vt:variant>
        <vt:i4>69533743</vt:i4>
      </vt:variant>
      <vt:variant>
        <vt:i4>15</vt:i4>
      </vt:variant>
      <vt:variant>
        <vt:i4>0</vt:i4>
      </vt:variant>
      <vt:variant>
        <vt:i4>5</vt:i4>
      </vt:variant>
      <vt:variant>
        <vt:lpwstr/>
      </vt:variant>
      <vt:variant>
        <vt:lpwstr>_Hlk285971658	1,7293,7333,0,,4. Воспитательно-образовательный</vt:lpwstr>
      </vt:variant>
      <vt:variant>
        <vt:i4>73139273</vt:i4>
      </vt:variant>
      <vt:variant>
        <vt:i4>12</vt:i4>
      </vt:variant>
      <vt:variant>
        <vt:i4>0</vt:i4>
      </vt:variant>
      <vt:variant>
        <vt:i4>5</vt:i4>
      </vt:variant>
      <vt:variant>
        <vt:lpwstr/>
      </vt:variant>
      <vt:variant>
        <vt:lpwstr>_Hlk285971527	1,5905,5929,0,,3. Методическая работа </vt:lpwstr>
      </vt:variant>
      <vt:variant>
        <vt:i4>7995519</vt:i4>
      </vt:variant>
      <vt:variant>
        <vt:i4>9</vt:i4>
      </vt:variant>
      <vt:variant>
        <vt:i4>0</vt:i4>
      </vt:variant>
      <vt:variant>
        <vt:i4>5</vt:i4>
      </vt:variant>
      <vt:variant>
        <vt:lpwstr/>
      </vt:variant>
      <vt:variant>
        <vt:lpwstr>_Hlk285971509	1,5091,5113,0,,2.2. Работа с кадрами</vt:lpwstr>
      </vt:variant>
      <vt:variant>
        <vt:i4>3998769</vt:i4>
      </vt:variant>
      <vt:variant>
        <vt:i4>6</vt:i4>
      </vt:variant>
      <vt:variant>
        <vt:i4>0</vt:i4>
      </vt:variant>
      <vt:variant>
        <vt:i4>5</vt:i4>
      </vt:variant>
      <vt:variant>
        <vt:lpwstr/>
      </vt:variant>
      <vt:variant>
        <vt:lpwstr>_Hlk285971484	1,4324,4408,0,,2. Работа с кадрами2.1. Меропри</vt:lpwstr>
      </vt:variant>
      <vt:variant>
        <vt:i4>3867698</vt:i4>
      </vt:variant>
      <vt:variant>
        <vt:i4>3</vt:i4>
      </vt:variant>
      <vt:variant>
        <vt:i4>0</vt:i4>
      </vt:variant>
      <vt:variant>
        <vt:i4>5</vt:i4>
      </vt:variant>
      <vt:variant>
        <vt:lpwstr/>
      </vt:variant>
      <vt:variant>
        <vt:lpwstr>_Hlk285971389	1,973,999,0,,1. Организация управления</vt:lpwstr>
      </vt:variant>
      <vt:variant>
        <vt:i4>6750315</vt:i4>
      </vt:variant>
      <vt:variant>
        <vt:i4>0</vt:i4>
      </vt:variant>
      <vt:variant>
        <vt:i4>0</vt:i4>
      </vt:variant>
      <vt:variant>
        <vt:i4>5</vt:i4>
      </vt:variant>
      <vt:variant>
        <vt:lpwstr/>
      </vt:variant>
      <vt:variant>
        <vt:lpwstr>_Hlk285971414	1,314,320,66,,Цель: </vt:lpwstr>
      </vt:variant>
    </vt:vector>
  </HLinks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Евгения</dc:creator>
  <cp:keywords/>
  <dc:description/>
  <cp:lastModifiedBy>i3</cp:lastModifiedBy>
  <cp:revision>22</cp:revision>
  <cp:lastPrinted>2017-11-17T13:10:00Z</cp:lastPrinted>
  <dcterms:created xsi:type="dcterms:W3CDTF">2016-10-28T12:52:00Z</dcterms:created>
  <dcterms:modified xsi:type="dcterms:W3CDTF">2018-02-02T11:14:00Z</dcterms:modified>
</cp:coreProperties>
</file>